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103\05_財政G\☆02_調査\000_データ類\03_税財政データ集\R5年度\06_完成版（掲示用）\03_税政編\"/>
    </mc:Choice>
  </mc:AlternateContent>
  <bookViews>
    <workbookView xWindow="0" yWindow="8400" windowWidth="18660" windowHeight="7008" activeTab="1"/>
  </bookViews>
  <sheets>
    <sheet name="市町村税徴収実績　県計等" sheetId="1" r:id="rId1"/>
    <sheet name="合計" sheetId="2" r:id="rId2"/>
  </sheets>
  <definedNames>
    <definedName name="_xlnm.Print_Area" localSheetId="1">合計!$A$1:$K$41</definedName>
    <definedName name="_xlnm.Print_Area" localSheetId="0">'市町村税徴収実績　県計等'!$A$1:$AZ$50</definedName>
  </definedNames>
  <calcPr calcId="162913"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44" uniqueCount="175">
  <si>
    <t>（１）　県　　　　計</t>
    <phoneticPr fontId="8"/>
  </si>
  <si>
    <t>（２）　指　定　都　市　計</t>
    <phoneticPr fontId="8"/>
  </si>
  <si>
    <t>（３）　市　計 ( 除 指 定 都 市 )</t>
    <phoneticPr fontId="8"/>
  </si>
  <si>
    <t>（４）　町　村　計</t>
    <phoneticPr fontId="8"/>
  </si>
  <si>
    <t>調　　定　　済　　額　　(千円)</t>
    <phoneticPr fontId="8"/>
  </si>
  <si>
    <t>収　　入　　済　　額　　(千円)</t>
    <rPh sb="0" eb="1">
      <t>オサム</t>
    </rPh>
    <phoneticPr fontId="8"/>
  </si>
  <si>
    <t>徴　　収　　率　　(％)</t>
    <phoneticPr fontId="8"/>
  </si>
  <si>
    <t>徴　　収　　率　　(％)</t>
    <phoneticPr fontId="8"/>
  </si>
  <si>
    <t xml:space="preserve">区  分 </t>
    <phoneticPr fontId="8"/>
  </si>
  <si>
    <t xml:space="preserve">区  分 </t>
    <phoneticPr fontId="8"/>
  </si>
  <si>
    <t xml:space="preserve">現年課税分 </t>
    <phoneticPr fontId="8"/>
  </si>
  <si>
    <t>滞納繰越分</t>
    <phoneticPr fontId="8"/>
  </si>
  <si>
    <t xml:space="preserve"> 合  　計 </t>
    <phoneticPr fontId="8"/>
  </si>
  <si>
    <t xml:space="preserve"> 合  　計 </t>
    <phoneticPr fontId="8"/>
  </si>
  <si>
    <t xml:space="preserve">  D/A</t>
  </si>
  <si>
    <t xml:space="preserve">  E/B</t>
  </si>
  <si>
    <t xml:space="preserve">  F/C</t>
  </si>
  <si>
    <t xml:space="preserve">現年課税分 </t>
    <phoneticPr fontId="8"/>
  </si>
  <si>
    <t>滞納繰越分</t>
    <phoneticPr fontId="8"/>
  </si>
  <si>
    <t>滞納繰越分</t>
    <phoneticPr fontId="8"/>
  </si>
  <si>
    <t xml:space="preserve"> 税目別</t>
  </si>
  <si>
    <t>Ａ</t>
    <phoneticPr fontId="8"/>
  </si>
  <si>
    <t>Ｂ</t>
    <phoneticPr fontId="8"/>
  </si>
  <si>
    <t>Ｃ</t>
    <phoneticPr fontId="8"/>
  </si>
  <si>
    <t>Ｄ</t>
    <phoneticPr fontId="8"/>
  </si>
  <si>
    <t>Ｅ</t>
    <phoneticPr fontId="8"/>
  </si>
  <si>
    <t>Ｆ</t>
    <phoneticPr fontId="8"/>
  </si>
  <si>
    <t>×100</t>
    <phoneticPr fontId="8"/>
  </si>
  <si>
    <t>×100</t>
    <phoneticPr fontId="8"/>
  </si>
  <si>
    <t>Ｃ</t>
    <phoneticPr fontId="8"/>
  </si>
  <si>
    <t>Ｅ</t>
    <phoneticPr fontId="8"/>
  </si>
  <si>
    <t>Ａ</t>
    <phoneticPr fontId="8"/>
  </si>
  <si>
    <t>Ｂ</t>
    <phoneticPr fontId="8"/>
  </si>
  <si>
    <t>Ｅ</t>
    <phoneticPr fontId="8"/>
  </si>
  <si>
    <t>ア　　普　通　税</t>
    <phoneticPr fontId="8"/>
  </si>
  <si>
    <t>ア　　普　通　税</t>
    <phoneticPr fontId="8"/>
  </si>
  <si>
    <t>(ｱ) 法 定 普 通 税</t>
    <phoneticPr fontId="8"/>
  </si>
  <si>
    <t>(ｱ) 法 定 普 通 税</t>
    <phoneticPr fontId="8"/>
  </si>
  <si>
    <t>ａ　市 町 村 民 税</t>
    <phoneticPr fontId="8"/>
  </si>
  <si>
    <t>ａ　市 町 村 民 税</t>
    <phoneticPr fontId="8"/>
  </si>
  <si>
    <t>(ａ) 個 人 均 等 割</t>
    <phoneticPr fontId="8"/>
  </si>
  <si>
    <t>(ａ) 個 人 均 等 割</t>
    <phoneticPr fontId="8"/>
  </si>
  <si>
    <t>(ａ) 個 人 均 等 割</t>
    <phoneticPr fontId="8"/>
  </si>
  <si>
    <t>(ｂ) 所    得    割</t>
    <phoneticPr fontId="8"/>
  </si>
  <si>
    <t xml:space="preserve">       うち退職所得分</t>
    <phoneticPr fontId="8"/>
  </si>
  <si>
    <t xml:space="preserve">       うち退職所得分</t>
    <phoneticPr fontId="8"/>
  </si>
  <si>
    <t xml:space="preserve">       うち退職所得分</t>
    <phoneticPr fontId="8"/>
  </si>
  <si>
    <t>(ｃ) 法 人 均 等 割</t>
    <phoneticPr fontId="8"/>
  </si>
  <si>
    <t>(ｃ) 法 人 均 等 割</t>
    <phoneticPr fontId="8"/>
  </si>
  <si>
    <t>(ｃ) 法 人 均 等 割</t>
    <phoneticPr fontId="8"/>
  </si>
  <si>
    <t>(ｄ) 法  人  税  割</t>
    <phoneticPr fontId="8"/>
  </si>
  <si>
    <t>(ｄ) 法  人  税  割</t>
    <phoneticPr fontId="8"/>
  </si>
  <si>
    <t>ｂ　固 定 資 産 税</t>
    <phoneticPr fontId="8"/>
  </si>
  <si>
    <t>ｂ　固 定 資 産 税</t>
    <phoneticPr fontId="8"/>
  </si>
  <si>
    <t>(ａ) 純固定資産税</t>
    <phoneticPr fontId="8"/>
  </si>
  <si>
    <t>(ａ) 純固定資産税</t>
    <phoneticPr fontId="8"/>
  </si>
  <si>
    <t>(ａ) 純固定資産税</t>
    <phoneticPr fontId="8"/>
  </si>
  <si>
    <t xml:space="preserve">     (ⅰ)土       地</t>
    <phoneticPr fontId="8"/>
  </si>
  <si>
    <t xml:space="preserve">     (ⅰ)土       地</t>
    <phoneticPr fontId="8"/>
  </si>
  <si>
    <t xml:space="preserve">     (ⅱ)家       屋</t>
    <phoneticPr fontId="8"/>
  </si>
  <si>
    <t xml:space="preserve">     (ⅱ)家       屋</t>
    <phoneticPr fontId="8"/>
  </si>
  <si>
    <t xml:space="preserve">     (ⅲ)償 却 資 産</t>
    <phoneticPr fontId="8"/>
  </si>
  <si>
    <t xml:space="preserve">     (ⅲ)償 却 資 産</t>
    <phoneticPr fontId="8"/>
  </si>
  <si>
    <t>(ｂ) 交  　付 　 金</t>
    <rPh sb="8" eb="9">
      <t>ヅケ</t>
    </rPh>
    <phoneticPr fontId="8"/>
  </si>
  <si>
    <t>ｄ　市町村たばこ税</t>
    <phoneticPr fontId="8"/>
  </si>
  <si>
    <t>ｄ　市町村たばこ税</t>
    <phoneticPr fontId="8"/>
  </si>
  <si>
    <t>ｄ　市町村たばこ税</t>
    <phoneticPr fontId="8"/>
  </si>
  <si>
    <t>ｅ　鉱    産    税</t>
    <phoneticPr fontId="8"/>
  </si>
  <si>
    <t>ｅ　鉱    産    税</t>
    <phoneticPr fontId="8"/>
  </si>
  <si>
    <t>ｆ　特別土地保有税</t>
    <phoneticPr fontId="8"/>
  </si>
  <si>
    <t>ｆ　特別土地保有税</t>
    <phoneticPr fontId="8"/>
  </si>
  <si>
    <t>(ａ) 保   有   分</t>
    <phoneticPr fontId="8"/>
  </si>
  <si>
    <t>(ｂ) 取   得   分</t>
    <phoneticPr fontId="8"/>
  </si>
  <si>
    <t>(ｂ) 取   得   分</t>
    <phoneticPr fontId="8"/>
  </si>
  <si>
    <t>(ｃ) 遊 休 土 地 分</t>
    <phoneticPr fontId="8"/>
  </si>
  <si>
    <t>(ｃ) 遊 休 土 地 分</t>
    <phoneticPr fontId="8"/>
  </si>
  <si>
    <t>(ｃ) 遊 休 土 地 分</t>
    <phoneticPr fontId="8"/>
  </si>
  <si>
    <t>(ｃ) 遊 休 土 地 分</t>
    <phoneticPr fontId="8"/>
  </si>
  <si>
    <t>(ｲ) 法 定 外 普 通 税</t>
    <phoneticPr fontId="8"/>
  </si>
  <si>
    <t>(ｲ) 法 定 外 普 通 税</t>
    <phoneticPr fontId="8"/>
  </si>
  <si>
    <t>(ｲ) 法 定 外 普 通 税</t>
    <phoneticPr fontId="8"/>
  </si>
  <si>
    <t>イ　　目　的　税</t>
    <phoneticPr fontId="8"/>
  </si>
  <si>
    <t>イ　　目　的　税</t>
    <phoneticPr fontId="8"/>
  </si>
  <si>
    <t>(ｱ) 法 定 目 的 税</t>
    <rPh sb="4" eb="7">
      <t>ホウテイ</t>
    </rPh>
    <rPh sb="8" eb="13">
      <t>モクテキゼイ</t>
    </rPh>
    <phoneticPr fontId="8"/>
  </si>
  <si>
    <t>ａ　入    湯    税</t>
    <phoneticPr fontId="8"/>
  </si>
  <si>
    <t>ａ　入    湯    税</t>
    <phoneticPr fontId="8"/>
  </si>
  <si>
    <t>ａ　入    湯    税</t>
    <phoneticPr fontId="8"/>
  </si>
  <si>
    <t>ｂ　事  業  所  税</t>
    <phoneticPr fontId="8"/>
  </si>
  <si>
    <t>ｂ　事  業  所  税</t>
    <phoneticPr fontId="8"/>
  </si>
  <si>
    <t>ｂ　事  業  所  税</t>
    <phoneticPr fontId="8"/>
  </si>
  <si>
    <t>ｃ　都 市 計 画 税</t>
    <phoneticPr fontId="8"/>
  </si>
  <si>
    <t>ｃ　都 市 計 画 税</t>
    <phoneticPr fontId="8"/>
  </si>
  <si>
    <t>(ａ) 土       地</t>
    <phoneticPr fontId="8"/>
  </si>
  <si>
    <t>(ａ) 土       地</t>
    <phoneticPr fontId="8"/>
  </si>
  <si>
    <t>(ａ) 土       地</t>
    <phoneticPr fontId="8"/>
  </si>
  <si>
    <t>(ｂ) 家       屋</t>
    <phoneticPr fontId="8"/>
  </si>
  <si>
    <t>(ｂ) 家       屋</t>
    <phoneticPr fontId="8"/>
  </si>
  <si>
    <t>ｄ　水 利 地 益 税</t>
    <phoneticPr fontId="8"/>
  </si>
  <si>
    <t>ｄ　水 利 地 益 税</t>
    <phoneticPr fontId="8"/>
  </si>
  <si>
    <t>ｄ　水 利 地 益 税</t>
    <phoneticPr fontId="8"/>
  </si>
  <si>
    <t>ｅ　共 同 施 設 税</t>
    <phoneticPr fontId="8"/>
  </si>
  <si>
    <t>ｅ　共 同 施 設 税</t>
    <phoneticPr fontId="8"/>
  </si>
  <si>
    <t>ｅ　共 同 施 設 税</t>
    <phoneticPr fontId="8"/>
  </si>
  <si>
    <t>ｆ　宅 地 開 発 税</t>
    <phoneticPr fontId="8"/>
  </si>
  <si>
    <t>ｆ　宅 地 開 発 税</t>
    <phoneticPr fontId="8"/>
  </si>
  <si>
    <t>(ｲ) 法 定 外 目 的 税</t>
    <rPh sb="4" eb="9">
      <t>ホウテイガイ</t>
    </rPh>
    <rPh sb="10" eb="15">
      <t>モクテキゼイ</t>
    </rPh>
    <phoneticPr fontId="8"/>
  </si>
  <si>
    <t>ウ　旧　法　に　よ　る　税</t>
    <phoneticPr fontId="8"/>
  </si>
  <si>
    <t>ウ　旧　法　に　よ　る　税</t>
    <phoneticPr fontId="8"/>
  </si>
  <si>
    <t>ウ　旧　法　に　よ　る　税</t>
    <phoneticPr fontId="8"/>
  </si>
  <si>
    <t>合　計（ア～ウ）</t>
    <phoneticPr fontId="8"/>
  </si>
  <si>
    <t>合　計（ア～ウ）</t>
    <phoneticPr fontId="8"/>
  </si>
  <si>
    <t>合　計（ア～ウ）</t>
    <phoneticPr fontId="8"/>
  </si>
  <si>
    <t>国 民 健 康 保 険 税</t>
    <phoneticPr fontId="8"/>
  </si>
  <si>
    <t>国 民 健 康 保 険 税</t>
    <phoneticPr fontId="8"/>
  </si>
  <si>
    <t>国 民 健 康 保 険 料</t>
    <phoneticPr fontId="8"/>
  </si>
  <si>
    <t>国 民 健 康 保 険 料</t>
    <phoneticPr fontId="8"/>
  </si>
  <si>
    <t>区　分</t>
    <rPh sb="0" eb="1">
      <t>ク</t>
    </rPh>
    <rPh sb="2" eb="3">
      <t>ブン</t>
    </rPh>
    <phoneticPr fontId="12"/>
  </si>
  <si>
    <t>調　定　済　額　　(千円)</t>
    <rPh sb="0" eb="1">
      <t>チョウ</t>
    </rPh>
    <rPh sb="2" eb="3">
      <t>テイ</t>
    </rPh>
    <rPh sb="4" eb="5">
      <t>ズミ</t>
    </rPh>
    <rPh sb="6" eb="7">
      <t>ガク</t>
    </rPh>
    <phoneticPr fontId="12"/>
  </si>
  <si>
    <t>収　入　済　額　　(千円)</t>
    <rPh sb="0" eb="1">
      <t>オサム</t>
    </rPh>
    <rPh sb="2" eb="3">
      <t>イリ</t>
    </rPh>
    <rPh sb="4" eb="5">
      <t>ズミ</t>
    </rPh>
    <rPh sb="6" eb="7">
      <t>ガク</t>
    </rPh>
    <phoneticPr fontId="12"/>
  </si>
  <si>
    <t>徴収率　(%)</t>
    <rPh sb="0" eb="3">
      <t>チョウシュウリツ</t>
    </rPh>
    <phoneticPr fontId="12"/>
  </si>
  <si>
    <t>市町村名</t>
    <rPh sb="0" eb="3">
      <t>シチョウソン</t>
    </rPh>
    <rPh sb="3" eb="4">
      <t>メイ</t>
    </rPh>
    <phoneticPr fontId="12"/>
  </si>
  <si>
    <t>現年課税分
Ａ</t>
    <rPh sb="0" eb="1">
      <t>ゲン</t>
    </rPh>
    <rPh sb="1" eb="2">
      <t>ネン</t>
    </rPh>
    <rPh sb="2" eb="5">
      <t>カゼイブン</t>
    </rPh>
    <phoneticPr fontId="12"/>
  </si>
  <si>
    <t>滞納繰越分
Ｂ</t>
    <rPh sb="0" eb="2">
      <t>タイノウ</t>
    </rPh>
    <rPh sb="2" eb="4">
      <t>クリコシ</t>
    </rPh>
    <rPh sb="4" eb="5">
      <t>ブン</t>
    </rPh>
    <phoneticPr fontId="12"/>
  </si>
  <si>
    <t>合計
Ｃ</t>
    <rPh sb="0" eb="2">
      <t>ゴウケイ</t>
    </rPh>
    <phoneticPr fontId="12"/>
  </si>
  <si>
    <t>現年課税分
Ｄ</t>
    <rPh sb="0" eb="1">
      <t>ゲン</t>
    </rPh>
    <rPh sb="1" eb="2">
      <t>ネン</t>
    </rPh>
    <rPh sb="2" eb="5">
      <t>カゼイブン</t>
    </rPh>
    <phoneticPr fontId="12"/>
  </si>
  <si>
    <t>滞納繰越分
Ｅ</t>
    <rPh sb="0" eb="2">
      <t>タイノウ</t>
    </rPh>
    <rPh sb="2" eb="5">
      <t>クリコシブン</t>
    </rPh>
    <phoneticPr fontId="12"/>
  </si>
  <si>
    <t>合計
Ｆ</t>
    <rPh sb="0" eb="2">
      <t>ゴウケイ</t>
    </rPh>
    <phoneticPr fontId="12"/>
  </si>
  <si>
    <t>D/A
×100</t>
    <phoneticPr fontId="12"/>
  </si>
  <si>
    <t>E/B
×100</t>
    <phoneticPr fontId="12"/>
  </si>
  <si>
    <t>F/C
×100</t>
    <phoneticPr fontId="12"/>
  </si>
  <si>
    <t>横浜市</t>
    <rPh sb="0" eb="3">
      <t>ヨコハマシ</t>
    </rPh>
    <phoneticPr fontId="12"/>
  </si>
  <si>
    <t>川崎市</t>
    <rPh sb="0" eb="3">
      <t>カワサキシ</t>
    </rPh>
    <phoneticPr fontId="12"/>
  </si>
  <si>
    <t>相模原市</t>
  </si>
  <si>
    <t>横須賀市</t>
    <rPh sb="0" eb="4">
      <t>ヨコスカシ</t>
    </rPh>
    <phoneticPr fontId="12"/>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rPh sb="0" eb="3">
      <t>ハヤママチ</t>
    </rPh>
    <phoneticPr fontId="12"/>
  </si>
  <si>
    <t>寒川町</t>
  </si>
  <si>
    <t>大磯町</t>
  </si>
  <si>
    <t>二宮町</t>
  </si>
  <si>
    <t>中井町</t>
  </si>
  <si>
    <t>大井町</t>
  </si>
  <si>
    <t>松田町</t>
  </si>
  <si>
    <t>山北町</t>
  </si>
  <si>
    <t>開成町</t>
  </si>
  <si>
    <t>箱根町</t>
  </si>
  <si>
    <t>真鶴町</t>
  </si>
  <si>
    <t>湯河原町</t>
  </si>
  <si>
    <t>愛川町</t>
  </si>
  <si>
    <t>清川村</t>
  </si>
  <si>
    <t>県計</t>
    <rPh sb="0" eb="2">
      <t>ケンケイ</t>
    </rPh>
    <phoneticPr fontId="12"/>
  </si>
  <si>
    <t>（５）　市町村別表</t>
    <rPh sb="4" eb="7">
      <t>シチョウソン</t>
    </rPh>
    <rPh sb="7" eb="9">
      <t>ベッピョウ</t>
    </rPh>
    <phoneticPr fontId="12"/>
  </si>
  <si>
    <t>(ａ) 種    別    割</t>
    <rPh sb="4" eb="5">
      <t>タネ</t>
    </rPh>
    <rPh sb="9" eb="10">
      <t>ベツ</t>
    </rPh>
    <phoneticPr fontId="8"/>
  </si>
  <si>
    <t>-</t>
  </si>
  <si>
    <t>-</t>
    <phoneticPr fontId="3"/>
  </si>
  <si>
    <t>２　令和４年度市町村税徴収実績</t>
    <rPh sb="2" eb="4">
      <t>レイワ</t>
    </rPh>
    <rPh sb="5" eb="7">
      <t>ネンド</t>
    </rPh>
    <phoneticPr fontId="8"/>
  </si>
  <si>
    <t>令和４年度地方財政状況調査(06表)　</t>
    <rPh sb="0" eb="2">
      <t>レイワ</t>
    </rPh>
    <phoneticPr fontId="8"/>
  </si>
  <si>
    <t>令和４年度地方財政状況調査(06表)</t>
    <rPh sb="0" eb="2">
      <t>レイワ</t>
    </rPh>
    <phoneticPr fontId="12"/>
  </si>
  <si>
    <t xml:space="preserve">(ｂ) 環 境 性 能 割 </t>
    <rPh sb="4" eb="5">
      <t>ワ</t>
    </rPh>
    <rPh sb="6" eb="7">
      <t>サカイ</t>
    </rPh>
    <rPh sb="8" eb="9">
      <t>セイ</t>
    </rPh>
    <rPh sb="10" eb="11">
      <t>ノウ</t>
    </rPh>
    <rPh sb="12" eb="13">
      <t>ワリ</t>
    </rPh>
    <phoneticPr fontId="8"/>
  </si>
  <si>
    <t>ｃ　軽 自 動 車 税　　 ※</t>
    <phoneticPr fontId="8"/>
  </si>
  <si>
    <t>※軽自動車税環境性能割の現年課税分と滞納繰越分の内訳が不明であるため、「c 軽自動車税」及び「(ｂ) 環境性能割」のＡ・Ｂ・Ｄ・Ｅ列は記載していない。</t>
    <rPh sb="1" eb="5">
      <t>ケイジドウシャ</t>
    </rPh>
    <rPh sb="5" eb="6">
      <t>ゼイ</t>
    </rPh>
    <rPh sb="6" eb="8">
      <t>カンキョウ</t>
    </rPh>
    <rPh sb="8" eb="10">
      <t>セイノウ</t>
    </rPh>
    <rPh sb="10" eb="11">
      <t>ワリ</t>
    </rPh>
    <rPh sb="12" eb="14">
      <t>ゲンネン</t>
    </rPh>
    <rPh sb="14" eb="16">
      <t>カゼイ</t>
    </rPh>
    <rPh sb="16" eb="17">
      <t>ブン</t>
    </rPh>
    <rPh sb="18" eb="20">
      <t>タイノウ</t>
    </rPh>
    <rPh sb="20" eb="22">
      <t>クリコシ</t>
    </rPh>
    <rPh sb="22" eb="23">
      <t>ブン</t>
    </rPh>
    <rPh sb="24" eb="26">
      <t>ウチワケ</t>
    </rPh>
    <rPh sb="27" eb="29">
      <t>フメイ</t>
    </rPh>
    <rPh sb="38" eb="42">
      <t>ケイジドウシャ</t>
    </rPh>
    <rPh sb="42" eb="43">
      <t>ゼイ</t>
    </rPh>
    <rPh sb="44" eb="45">
      <t>オヨ</t>
    </rPh>
    <rPh sb="65" eb="66">
      <t>レツ</t>
    </rPh>
    <rPh sb="67" eb="69">
      <t>キサイ</t>
    </rPh>
    <phoneticPr fontId="3"/>
  </si>
  <si>
    <t>※軽自動車税環境性能割の現年課税分と滞納繰越分の内訳が不明であるため、Ａ・Ｂ・Ｄ・Ｅ列については、環境性能割を除いた額としている。</t>
    <phoneticPr fontId="1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_(* #,##0_);_(* \(#,##0\);_(* &quot;-&quot;_);_(@_)"/>
    <numFmt numFmtId="177" formatCode="#,##0_ "/>
    <numFmt numFmtId="178" formatCode="#,##0_ ;[Red]\-#,##0\ "/>
    <numFmt numFmtId="179" formatCode="0.0%"/>
    <numFmt numFmtId="180" formatCode="_ * #,##0.0_ ;_ * \-#,##0.0_ ;_ * &quot;-&quot;_ ;_ @_ "/>
    <numFmt numFmtId="181" formatCode="0_);[Red]\(0\)"/>
  </numFmts>
  <fonts count="16">
    <font>
      <sz val="10"/>
      <name val="ＭＳ Ｐゴシック"/>
      <family val="3"/>
      <charset val="128"/>
    </font>
    <font>
      <sz val="9"/>
      <name val="ＭＳ Ｐゴシック"/>
      <family val="3"/>
      <charset val="128"/>
    </font>
    <font>
      <sz val="8"/>
      <name val="ＤＨＰ平成明朝体W3"/>
      <family val="3"/>
      <charset val="128"/>
    </font>
    <font>
      <sz val="6"/>
      <name val="ＭＳ 明朝"/>
      <family val="2"/>
      <charset val="128"/>
    </font>
    <font>
      <sz val="14"/>
      <name val="Terminal"/>
      <family val="3"/>
      <charset val="255"/>
    </font>
    <font>
      <sz val="8"/>
      <name val="ＭＳ Ｐゴシック"/>
      <family val="3"/>
      <charset val="128"/>
    </font>
    <font>
      <sz val="10"/>
      <name val="ＭＳ Ｐゴシック"/>
      <family val="3"/>
      <charset val="128"/>
    </font>
    <font>
      <sz val="11"/>
      <name val="ＭＳ Ｐゴシック"/>
      <family val="3"/>
      <charset val="128"/>
    </font>
    <font>
      <sz val="12"/>
      <name val="Arial"/>
      <family val="2"/>
    </font>
    <font>
      <sz val="8.5"/>
      <name val="ＭＳ ゴシック"/>
      <family val="3"/>
      <charset val="128"/>
    </font>
    <font>
      <sz val="8"/>
      <name val="ＭＳ ゴシック"/>
      <family val="3"/>
      <charset val="128"/>
    </font>
    <font>
      <sz val="10"/>
      <name val="ＭＳ ゴシック"/>
      <family val="3"/>
      <charset val="128"/>
    </font>
    <font>
      <sz val="6"/>
      <name val="ＭＳ Ｐゴシック"/>
      <family val="3"/>
      <charset val="128"/>
    </font>
    <font>
      <sz val="12"/>
      <name val="ＭＳ ゴシック"/>
      <family val="3"/>
      <charset val="128"/>
    </font>
    <font>
      <sz val="11"/>
      <name val="ＭＳ ゴシック"/>
      <family val="3"/>
      <charset val="128"/>
    </font>
    <font>
      <sz val="10.5"/>
      <name val="ＭＳ ゴシック"/>
      <family val="3"/>
      <charset val="128"/>
    </font>
  </fonts>
  <fills count="2">
    <fill>
      <patternFill patternType="none"/>
    </fill>
    <fill>
      <patternFill patternType="gray125"/>
    </fill>
  </fills>
  <borders count="82">
    <border>
      <left/>
      <right/>
      <top/>
      <bottom/>
      <diagonal/>
    </border>
    <border>
      <left style="thin">
        <color indexed="8"/>
      </left>
      <right/>
      <top style="thin">
        <color indexed="8"/>
      </top>
      <bottom/>
      <diagonal/>
    </border>
    <border>
      <left/>
      <right/>
      <top style="thin">
        <color indexed="8"/>
      </top>
      <bottom/>
      <diagonal/>
    </border>
    <border>
      <left/>
      <right style="thin">
        <color indexed="8"/>
      </right>
      <top style="thin">
        <color indexed="8"/>
      </top>
      <bottom/>
      <diagonal/>
    </border>
    <border>
      <left/>
      <right style="thin">
        <color indexed="64"/>
      </right>
      <top style="thin">
        <color indexed="8"/>
      </top>
      <bottom/>
      <diagonal/>
    </border>
    <border>
      <left style="thin">
        <color indexed="64"/>
      </left>
      <right/>
      <top style="thin">
        <color indexed="8"/>
      </top>
      <bottom/>
      <diagonal/>
    </border>
    <border>
      <left style="thin">
        <color indexed="8"/>
      </left>
      <right/>
      <top/>
      <bottom/>
      <diagonal/>
    </border>
    <border>
      <left style="thin">
        <color indexed="8"/>
      </left>
      <right/>
      <top/>
      <bottom style="thin">
        <color indexed="8"/>
      </bottom>
      <diagonal/>
    </border>
    <border>
      <left/>
      <right/>
      <top/>
      <bottom style="thin">
        <color indexed="8"/>
      </bottom>
      <diagonal/>
    </border>
    <border>
      <left/>
      <right style="thin">
        <color indexed="8"/>
      </right>
      <top/>
      <bottom style="thin">
        <color indexed="8"/>
      </bottom>
      <diagonal/>
    </border>
    <border>
      <left/>
      <right style="thin">
        <color indexed="64"/>
      </right>
      <top/>
      <bottom style="thin">
        <color indexed="8"/>
      </bottom>
      <diagonal/>
    </border>
    <border>
      <left style="thin">
        <color indexed="64"/>
      </left>
      <right/>
      <top/>
      <bottom style="thin">
        <color indexed="8"/>
      </bottom>
      <diagonal/>
    </border>
    <border>
      <left style="thin">
        <color indexed="8"/>
      </left>
      <right/>
      <top/>
      <bottom style="thin">
        <color indexed="64"/>
      </bottom>
      <diagonal/>
    </border>
    <border>
      <left/>
      <right/>
      <top/>
      <bottom style="thin">
        <color indexed="64"/>
      </bottom>
      <diagonal/>
    </border>
    <border>
      <left/>
      <right style="thin">
        <color indexed="8"/>
      </right>
      <top/>
      <bottom style="thin">
        <color indexed="64"/>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style="thin">
        <color indexed="8"/>
      </left>
      <right style="thin">
        <color indexed="8"/>
      </right>
      <top/>
      <bottom/>
      <diagonal/>
    </border>
    <border>
      <left style="thin">
        <color indexed="8"/>
      </left>
      <right style="thin">
        <color indexed="8"/>
      </right>
      <top style="thin">
        <color indexed="8"/>
      </top>
      <bottom/>
      <diagonal/>
    </border>
    <border>
      <left style="thin">
        <color indexed="8"/>
      </left>
      <right style="thin">
        <color indexed="8"/>
      </right>
      <top style="thin">
        <color indexed="64"/>
      </top>
      <bottom/>
      <diagonal/>
    </border>
    <border>
      <left style="thin">
        <color indexed="64"/>
      </left>
      <right style="thin">
        <color indexed="64"/>
      </right>
      <top style="thin">
        <color indexed="64"/>
      </top>
      <bottom/>
      <diagonal/>
    </border>
    <border>
      <left style="thin">
        <color indexed="64"/>
      </left>
      <right style="thin">
        <color indexed="8"/>
      </right>
      <top style="thin">
        <color indexed="64"/>
      </top>
      <bottom/>
      <diagonal/>
    </border>
    <border>
      <left style="thin">
        <color theme="1"/>
      </left>
      <right/>
      <top/>
      <bottom/>
      <diagonal/>
    </border>
    <border>
      <left style="thin">
        <color indexed="64"/>
      </left>
      <right style="thin">
        <color indexed="64"/>
      </right>
      <top/>
      <bottom/>
      <diagonal/>
    </border>
    <border>
      <left style="thin">
        <color indexed="64"/>
      </left>
      <right style="thin">
        <color indexed="8"/>
      </right>
      <top/>
      <bottom/>
      <diagonal/>
    </border>
    <border>
      <left style="thin">
        <color indexed="8"/>
      </left>
      <right style="thin">
        <color indexed="8"/>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8"/>
      </right>
      <top/>
      <bottom style="thin">
        <color indexed="64"/>
      </bottom>
      <diagonal/>
    </border>
    <border>
      <left style="thin">
        <color indexed="8"/>
      </left>
      <right/>
      <top style="thin">
        <color indexed="64"/>
      </top>
      <bottom/>
      <diagonal/>
    </border>
    <border>
      <left/>
      <right/>
      <top style="thin">
        <color indexed="64"/>
      </top>
      <bottom style="thin">
        <color indexed="64"/>
      </bottom>
      <diagonal/>
    </border>
    <border>
      <left style="thin">
        <color indexed="8"/>
      </left>
      <right style="thin">
        <color indexed="8"/>
      </right>
      <top style="thin">
        <color indexed="8"/>
      </top>
      <bottom style="thin">
        <color indexed="8"/>
      </bottom>
      <diagonal/>
    </border>
    <border>
      <left style="thin">
        <color indexed="8"/>
      </left>
      <right style="thin">
        <color indexed="8"/>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style="thin">
        <color indexed="8"/>
      </left>
      <right style="thin">
        <color indexed="64"/>
      </right>
      <top/>
      <bottom/>
      <diagonal/>
    </border>
    <border>
      <left style="thin">
        <color theme="1"/>
      </left>
      <right/>
      <top style="thin">
        <color theme="1"/>
      </top>
      <bottom/>
      <diagonal/>
    </border>
    <border>
      <left/>
      <right style="thin">
        <color indexed="8"/>
      </right>
      <top style="thin">
        <color theme="1"/>
      </top>
      <bottom/>
      <diagonal/>
    </border>
    <border>
      <left/>
      <right style="thin">
        <color indexed="8"/>
      </right>
      <top/>
      <bottom/>
      <diagonal/>
    </border>
    <border>
      <left style="thin">
        <color theme="1"/>
      </left>
      <right/>
      <top/>
      <bottom style="hair">
        <color indexed="64"/>
      </bottom>
      <diagonal/>
    </border>
    <border>
      <left/>
      <right style="thin">
        <color indexed="8"/>
      </right>
      <top/>
      <bottom style="hair">
        <color indexed="64"/>
      </bottom>
      <diagonal/>
    </border>
    <border>
      <left style="thin">
        <color indexed="8"/>
      </left>
      <right style="thin">
        <color indexed="8"/>
      </right>
      <top/>
      <bottom style="hair">
        <color indexed="64"/>
      </bottom>
      <diagonal/>
    </border>
    <border>
      <left style="thin">
        <color indexed="8"/>
      </left>
      <right style="thin">
        <color indexed="8"/>
      </right>
      <top/>
      <bottom style="hair">
        <color indexed="8"/>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8"/>
      </left>
      <right style="thin">
        <color indexed="8"/>
      </right>
      <top style="hair">
        <color indexed="8"/>
      </top>
      <bottom/>
      <diagonal/>
    </border>
    <border>
      <left style="thin">
        <color theme="1"/>
      </left>
      <right/>
      <top style="hair">
        <color indexed="64"/>
      </top>
      <bottom style="hair">
        <color indexed="64"/>
      </bottom>
      <diagonal/>
    </border>
    <border>
      <left/>
      <right style="thin">
        <color indexed="8"/>
      </right>
      <top style="hair">
        <color indexed="64"/>
      </top>
      <bottom style="hair">
        <color indexed="64"/>
      </bottom>
      <diagonal/>
    </border>
    <border>
      <left style="thin">
        <color indexed="8"/>
      </left>
      <right style="thin">
        <color indexed="8"/>
      </right>
      <top style="hair">
        <color indexed="64"/>
      </top>
      <bottom style="hair">
        <color indexed="64"/>
      </bottom>
      <diagonal/>
    </border>
    <border>
      <left style="thin">
        <color indexed="8"/>
      </left>
      <right style="thin">
        <color indexed="8"/>
      </right>
      <top style="hair">
        <color indexed="8"/>
      </top>
      <bottom style="hair">
        <color indexed="8"/>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theme="1"/>
      </left>
      <right/>
      <top/>
      <bottom style="thin">
        <color theme="1"/>
      </bottom>
      <diagonal/>
    </border>
    <border>
      <left/>
      <right style="thin">
        <color indexed="8"/>
      </right>
      <top/>
      <bottom style="thin">
        <color theme="1"/>
      </bottom>
      <diagonal/>
    </border>
    <border>
      <left style="thin">
        <color indexed="8"/>
      </left>
      <right style="thin">
        <color indexed="8"/>
      </right>
      <top/>
      <bottom style="thin">
        <color indexed="8"/>
      </bottom>
      <diagonal/>
    </border>
    <border>
      <left style="thin">
        <color indexed="8"/>
      </left>
      <right style="thin">
        <color indexed="64"/>
      </right>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8"/>
      </left>
      <right style="thin">
        <color indexed="8"/>
      </right>
      <top style="thin">
        <color indexed="64"/>
      </top>
      <bottom style="hair">
        <color indexed="64"/>
      </bottom>
      <diagonal/>
    </border>
    <border>
      <left style="thin">
        <color indexed="8"/>
      </left>
      <right style="thin">
        <color indexed="8"/>
      </right>
      <top style="thin">
        <color indexed="8"/>
      </top>
      <bottom style="hair">
        <color indexed="8"/>
      </bottom>
      <diagonal/>
    </border>
    <border>
      <left/>
      <right style="thin">
        <color indexed="64"/>
      </right>
      <top style="thin">
        <color indexed="64"/>
      </top>
      <bottom style="hair">
        <color indexed="64"/>
      </bottom>
      <diagonal/>
    </border>
    <border>
      <left style="thin">
        <color indexed="8"/>
      </left>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8"/>
      </right>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thin">
        <color indexed="64"/>
      </right>
      <top/>
      <bottom style="hair">
        <color indexed="64"/>
      </bottom>
      <diagonal/>
    </border>
    <border>
      <left style="thin">
        <color indexed="64"/>
      </left>
      <right style="thin">
        <color indexed="8"/>
      </right>
      <top/>
      <bottom style="hair">
        <color indexed="8"/>
      </bottom>
      <diagonal/>
    </border>
    <border>
      <left style="thin">
        <color indexed="64"/>
      </left>
      <right style="thin">
        <color indexed="8"/>
      </right>
      <top style="hair">
        <color indexed="8"/>
      </top>
      <bottom/>
      <diagonal/>
    </border>
    <border>
      <left style="thin">
        <color indexed="64"/>
      </left>
      <right style="thin">
        <color indexed="8"/>
      </right>
      <top style="thin">
        <color indexed="8"/>
      </top>
      <bottom/>
      <diagonal/>
    </border>
    <border>
      <left style="thin">
        <color indexed="64"/>
      </left>
      <right style="thin">
        <color indexed="8"/>
      </right>
      <top style="hair">
        <color indexed="64"/>
      </top>
      <bottom/>
      <diagonal/>
    </border>
    <border>
      <left style="thin">
        <color indexed="8"/>
      </left>
      <right style="thin">
        <color indexed="8"/>
      </right>
      <top style="hair">
        <color indexed="64"/>
      </top>
      <bottom/>
      <diagonal/>
    </border>
    <border>
      <left style="thin">
        <color theme="1"/>
      </left>
      <right/>
      <top style="hair">
        <color indexed="64"/>
      </top>
      <bottom/>
      <diagonal/>
    </border>
    <border>
      <left/>
      <right style="thin">
        <color indexed="8"/>
      </right>
      <top style="hair">
        <color indexed="64"/>
      </top>
      <bottom/>
      <diagonal/>
    </border>
    <border>
      <left/>
      <right/>
      <top style="hair">
        <color indexed="64"/>
      </top>
      <bottom/>
      <diagonal/>
    </border>
  </borders>
  <cellStyleXfs count="4">
    <xf numFmtId="0" fontId="0" fillId="0" borderId="0"/>
    <xf numFmtId="38" fontId="6" fillId="0" borderId="0" applyFont="0" applyFill="0" applyBorder="0" applyAlignment="0" applyProtection="0"/>
    <xf numFmtId="0" fontId="1" fillId="0" borderId="0" applyNumberFormat="0" applyFill="0" applyBorder="0" applyAlignment="0" applyProtection="0"/>
    <xf numFmtId="0" fontId="4" fillId="0" borderId="0"/>
  </cellStyleXfs>
  <cellXfs count="224">
    <xf numFmtId="0" fontId="0" fillId="0" borderId="0" xfId="0"/>
    <xf numFmtId="0" fontId="2" fillId="0" borderId="0" xfId="2" applyFont="1" applyFill="1" applyBorder="1"/>
    <xf numFmtId="3" fontId="5" fillId="0" borderId="0" xfId="3" applyNumberFormat="1" applyFont="1" applyFill="1" applyBorder="1" applyProtection="1">
      <protection locked="0"/>
    </xf>
    <xf numFmtId="0" fontId="5" fillId="0" borderId="0" xfId="3" applyNumberFormat="1" applyFont="1" applyFill="1" applyBorder="1" applyProtection="1">
      <protection locked="0"/>
    </xf>
    <xf numFmtId="0" fontId="5" fillId="0" borderId="0" xfId="2" applyFont="1" applyFill="1" applyBorder="1"/>
    <xf numFmtId="0" fontId="5" fillId="0" borderId="0" xfId="3" applyFont="1" applyFill="1" applyBorder="1"/>
    <xf numFmtId="0" fontId="7" fillId="0" borderId="0" xfId="3" applyNumberFormat="1" applyFont="1" applyFill="1" applyBorder="1" applyAlignment="1" applyProtection="1">
      <alignment horizontal="left" vertical="center"/>
      <protection locked="0"/>
    </xf>
    <xf numFmtId="0" fontId="5" fillId="0" borderId="0" xfId="3" applyNumberFormat="1" applyFont="1" applyFill="1" applyBorder="1" applyAlignment="1" applyProtection="1">
      <alignment horizontal="left"/>
      <protection locked="0"/>
    </xf>
    <xf numFmtId="0" fontId="6" fillId="0" borderId="0" xfId="3" applyNumberFormat="1" applyFont="1" applyFill="1" applyBorder="1" applyAlignment="1" applyProtection="1">
      <alignment horizontal="left"/>
      <protection locked="0"/>
    </xf>
    <xf numFmtId="0" fontId="5" fillId="0" borderId="0" xfId="3" applyNumberFormat="1" applyFont="1" applyFill="1" applyBorder="1" applyAlignment="1" applyProtection="1">
      <alignment horizontal="right"/>
      <protection locked="0"/>
    </xf>
    <xf numFmtId="0" fontId="9" fillId="0" borderId="1" xfId="2" applyFont="1" applyFill="1" applyBorder="1"/>
    <xf numFmtId="0" fontId="9" fillId="0" borderId="2" xfId="2" applyFont="1" applyFill="1" applyBorder="1"/>
    <xf numFmtId="3" fontId="9" fillId="0" borderId="2" xfId="3" applyNumberFormat="1" applyFont="1" applyFill="1" applyBorder="1" applyProtection="1">
      <protection locked="0"/>
    </xf>
    <xf numFmtId="3" fontId="9" fillId="0" borderId="4" xfId="3" applyNumberFormat="1" applyFont="1" applyFill="1" applyBorder="1" applyProtection="1">
      <protection locked="0"/>
    </xf>
    <xf numFmtId="0" fontId="9" fillId="0" borderId="5" xfId="2" applyFont="1" applyFill="1" applyBorder="1"/>
    <xf numFmtId="0" fontId="10" fillId="0" borderId="0" xfId="2" applyFont="1" applyFill="1" applyBorder="1"/>
    <xf numFmtId="0" fontId="9" fillId="0" borderId="6" xfId="2" applyFont="1" applyFill="1" applyBorder="1"/>
    <xf numFmtId="3" fontId="9" fillId="0" borderId="0" xfId="3" applyNumberFormat="1" applyFont="1" applyFill="1" applyBorder="1" applyProtection="1">
      <protection locked="0"/>
    </xf>
    <xf numFmtId="3" fontId="9" fillId="0" borderId="15" xfId="3" applyNumberFormat="1" applyFont="1" applyFill="1" applyBorder="1" applyProtection="1">
      <protection locked="0"/>
    </xf>
    <xf numFmtId="0" fontId="9" fillId="0" borderId="0" xfId="3" applyNumberFormat="1" applyFont="1" applyFill="1" applyBorder="1" applyAlignment="1" applyProtection="1">
      <alignment horizontal="left"/>
      <protection locked="0"/>
    </xf>
    <xf numFmtId="0" fontId="9" fillId="0" borderId="15" xfId="3" applyNumberFormat="1" applyFont="1" applyFill="1" applyBorder="1" applyAlignment="1" applyProtection="1">
      <alignment horizontal="left"/>
      <protection locked="0"/>
    </xf>
    <xf numFmtId="0" fontId="9" fillId="0" borderId="12" xfId="2" applyFont="1" applyFill="1" applyBorder="1"/>
    <xf numFmtId="0" fontId="9" fillId="0" borderId="13" xfId="2" applyFont="1" applyFill="1" applyBorder="1"/>
    <xf numFmtId="3" fontId="9" fillId="0" borderId="13" xfId="3" applyNumberFormat="1" applyFont="1" applyFill="1" applyBorder="1" applyProtection="1">
      <protection locked="0"/>
    </xf>
    <xf numFmtId="3" fontId="9" fillId="0" borderId="17" xfId="3" applyNumberFormat="1" applyFont="1" applyFill="1" applyBorder="1" applyProtection="1">
      <protection locked="0"/>
    </xf>
    <xf numFmtId="0" fontId="9" fillId="0" borderId="16" xfId="2" applyFont="1" applyFill="1" applyBorder="1"/>
    <xf numFmtId="0" fontId="9" fillId="0" borderId="30" xfId="3" applyNumberFormat="1" applyFont="1" applyFill="1" applyBorder="1" applyAlignment="1" applyProtection="1">
      <alignment horizontal="left" justifyLastLine="1"/>
      <protection locked="0"/>
    </xf>
    <xf numFmtId="0" fontId="9" fillId="0" borderId="31" xfId="2" applyFont="1" applyFill="1" applyBorder="1"/>
    <xf numFmtId="0" fontId="9" fillId="0" borderId="34" xfId="2" applyFont="1" applyFill="1" applyBorder="1"/>
    <xf numFmtId="0" fontId="9" fillId="0" borderId="36" xfId="3" applyNumberFormat="1" applyFont="1" applyFill="1" applyBorder="1" applyAlignment="1" applyProtection="1">
      <alignment horizontal="left" justifyLastLine="1"/>
      <protection locked="0"/>
    </xf>
    <xf numFmtId="0" fontId="9" fillId="0" borderId="19" xfId="2" applyFont="1" applyFill="1" applyBorder="1"/>
    <xf numFmtId="0" fontId="9" fillId="0" borderId="37" xfId="3" applyNumberFormat="1" applyFont="1" applyFill="1" applyBorder="1" applyAlignment="1" applyProtection="1">
      <alignment horizontal="left"/>
      <protection locked="0"/>
    </xf>
    <xf numFmtId="0" fontId="9" fillId="0" borderId="37" xfId="2" applyFont="1" applyFill="1" applyBorder="1"/>
    <xf numFmtId="0" fontId="9" fillId="0" borderId="38" xfId="2" applyFont="1" applyFill="1" applyBorder="1"/>
    <xf numFmtId="0" fontId="9" fillId="0" borderId="25" xfId="2" applyFont="1" applyFill="1" applyBorder="1"/>
    <xf numFmtId="0" fontId="9" fillId="0" borderId="39" xfId="3" applyNumberFormat="1" applyFont="1" applyFill="1" applyBorder="1" applyAlignment="1" applyProtection="1">
      <alignment horizontal="left"/>
      <protection locked="0"/>
    </xf>
    <xf numFmtId="0" fontId="9" fillId="0" borderId="40" xfId="2" applyFont="1" applyFill="1" applyBorder="1"/>
    <xf numFmtId="0" fontId="9" fillId="0" borderId="15" xfId="2" applyFont="1" applyFill="1" applyBorder="1"/>
    <xf numFmtId="0" fontId="9" fillId="0" borderId="41" xfId="3" applyNumberFormat="1" applyFont="1" applyFill="1" applyBorder="1" applyAlignment="1" applyProtection="1">
      <alignment horizontal="left"/>
      <protection locked="0"/>
    </xf>
    <xf numFmtId="0" fontId="9" fillId="0" borderId="42" xfId="2" applyFont="1" applyFill="1" applyBorder="1"/>
    <xf numFmtId="0" fontId="9" fillId="0" borderId="43" xfId="3" applyNumberFormat="1" applyFont="1" applyFill="1" applyBorder="1" applyAlignment="1" applyProtection="1">
      <alignment horizontal="left"/>
      <protection locked="0"/>
    </xf>
    <xf numFmtId="0" fontId="9" fillId="0" borderId="46" xfId="2" applyFont="1" applyFill="1" applyBorder="1"/>
    <xf numFmtId="0" fontId="9" fillId="0" borderId="47" xfId="3" applyNumberFormat="1" applyFont="1" applyFill="1" applyBorder="1" applyAlignment="1" applyProtection="1">
      <alignment horizontal="left"/>
      <protection locked="0"/>
    </xf>
    <xf numFmtId="0" fontId="9" fillId="0" borderId="48" xfId="3" applyNumberFormat="1" applyFont="1" applyFill="1" applyBorder="1" applyAlignment="1" applyProtection="1">
      <alignment horizontal="left"/>
      <protection locked="0"/>
    </xf>
    <xf numFmtId="0" fontId="9" fillId="0" borderId="24" xfId="3" applyNumberFormat="1" applyFont="1" applyFill="1" applyBorder="1" applyAlignment="1" applyProtection="1">
      <alignment horizontal="left"/>
      <protection locked="0"/>
    </xf>
    <xf numFmtId="0" fontId="9" fillId="0" borderId="41" xfId="2" applyFont="1" applyFill="1" applyBorder="1"/>
    <xf numFmtId="0" fontId="9" fillId="0" borderId="50" xfId="3" applyNumberFormat="1" applyFont="1" applyFill="1" applyBorder="1" applyAlignment="1" applyProtection="1">
      <alignment horizontal="left"/>
      <protection locked="0"/>
    </xf>
    <xf numFmtId="0" fontId="9" fillId="0" borderId="51" xfId="2" applyFont="1" applyFill="1" applyBorder="1"/>
    <xf numFmtId="0" fontId="9" fillId="0" borderId="54" xfId="3" applyNumberFormat="1" applyFont="1" applyFill="1" applyBorder="1" applyAlignment="1" applyProtection="1">
      <alignment horizontal="left"/>
      <protection locked="0"/>
    </xf>
    <xf numFmtId="0" fontId="9" fillId="0" borderId="55" xfId="2" applyFont="1" applyFill="1" applyBorder="1"/>
    <xf numFmtId="0" fontId="9" fillId="0" borderId="56" xfId="2" applyFont="1" applyFill="1" applyBorder="1"/>
    <xf numFmtId="0" fontId="9" fillId="0" borderId="57" xfId="2" applyFont="1" applyFill="1" applyBorder="1"/>
    <xf numFmtId="0" fontId="9" fillId="0" borderId="58" xfId="3" applyNumberFormat="1" applyFont="1" applyFill="1" applyBorder="1" applyAlignment="1" applyProtection="1">
      <alignment horizontal="left"/>
      <protection locked="0"/>
    </xf>
    <xf numFmtId="0" fontId="9" fillId="0" borderId="28" xfId="2" applyFont="1" applyFill="1" applyBorder="1"/>
    <xf numFmtId="0" fontId="9" fillId="0" borderId="13" xfId="3" applyNumberFormat="1" applyFont="1" applyFill="1" applyBorder="1" applyAlignment="1" applyProtection="1">
      <alignment horizontal="left"/>
      <protection locked="0"/>
    </xf>
    <xf numFmtId="0" fontId="9" fillId="0" borderId="17" xfId="3" applyNumberFormat="1" applyFont="1" applyFill="1" applyBorder="1" applyAlignment="1" applyProtection="1">
      <alignment horizontal="left"/>
      <protection locked="0"/>
    </xf>
    <xf numFmtId="0" fontId="9" fillId="0" borderId="59" xfId="2" applyFont="1" applyFill="1" applyBorder="1"/>
    <xf numFmtId="0" fontId="9" fillId="0" borderId="60" xfId="2" applyFont="1" applyFill="1" applyBorder="1"/>
    <xf numFmtId="0" fontId="9" fillId="0" borderId="17" xfId="2" applyFont="1" applyFill="1" applyBorder="1"/>
    <xf numFmtId="0" fontId="9" fillId="0" borderId="6" xfId="3" applyNumberFormat="1" applyFont="1" applyFill="1" applyBorder="1" applyAlignment="1" applyProtection="1">
      <alignment horizontal="left" justifyLastLine="1"/>
      <protection locked="0"/>
    </xf>
    <xf numFmtId="0" fontId="9" fillId="0" borderId="35" xfId="2" applyFont="1" applyFill="1" applyBorder="1"/>
    <xf numFmtId="0" fontId="9" fillId="0" borderId="18" xfId="3" applyNumberFormat="1" applyFont="1" applyFill="1" applyBorder="1" applyAlignment="1" applyProtection="1">
      <alignment horizontal="left" justifyLastLine="1"/>
      <protection locked="0"/>
    </xf>
    <xf numFmtId="0" fontId="9" fillId="0" borderId="61" xfId="3" applyNumberFormat="1" applyFont="1" applyFill="1" applyBorder="1" applyAlignment="1" applyProtection="1">
      <alignment horizontal="left"/>
      <protection locked="0"/>
    </xf>
    <xf numFmtId="0" fontId="9" fillId="0" borderId="62" xfId="2" applyFont="1" applyFill="1" applyBorder="1"/>
    <xf numFmtId="0" fontId="9" fillId="0" borderId="65" xfId="2" applyFont="1" applyFill="1" applyBorder="1"/>
    <xf numFmtId="0" fontId="9" fillId="0" borderId="12" xfId="3" applyNumberFormat="1" applyFont="1" applyFill="1" applyBorder="1" applyAlignment="1" applyProtection="1">
      <alignment horizontal="left" justifyLastLine="1"/>
      <protection locked="0"/>
    </xf>
    <xf numFmtId="0" fontId="9" fillId="0" borderId="66" xfId="3" applyNumberFormat="1" applyFont="1" applyFill="1" applyBorder="1" applyAlignment="1" applyProtection="1">
      <alignment horizontal="left" justifyLastLine="1"/>
      <protection locked="0"/>
    </xf>
    <xf numFmtId="0" fontId="9" fillId="0" borderId="35" xfId="3" applyNumberFormat="1" applyFont="1" applyFill="1" applyBorder="1" applyAlignment="1" applyProtection="1">
      <alignment horizontal="left" justifyLastLine="1"/>
      <protection locked="0"/>
    </xf>
    <xf numFmtId="0" fontId="9" fillId="0" borderId="7" xfId="2" applyFont="1" applyFill="1" applyBorder="1"/>
    <xf numFmtId="0" fontId="9" fillId="0" borderId="8" xfId="3" applyNumberFormat="1" applyFont="1" applyFill="1" applyBorder="1" applyAlignment="1" applyProtection="1">
      <alignment horizontal="left"/>
      <protection locked="0"/>
    </xf>
    <xf numFmtId="0" fontId="9" fillId="0" borderId="8" xfId="2" applyFont="1" applyFill="1" applyBorder="1"/>
    <xf numFmtId="0" fontId="9" fillId="0" borderId="10" xfId="2" applyFont="1" applyFill="1" applyBorder="1"/>
    <xf numFmtId="0" fontId="9" fillId="0" borderId="11" xfId="2" applyFont="1" applyFill="1" applyBorder="1"/>
    <xf numFmtId="0" fontId="10" fillId="0" borderId="0" xfId="3" applyNumberFormat="1" applyFont="1" applyFill="1" applyBorder="1" applyAlignment="1" applyProtection="1">
      <alignment horizontal="left"/>
      <protection locked="0"/>
    </xf>
    <xf numFmtId="3" fontId="10" fillId="0" borderId="0" xfId="3" applyNumberFormat="1" applyFont="1" applyFill="1" applyBorder="1" applyProtection="1">
      <protection locked="0"/>
    </xf>
    <xf numFmtId="0" fontId="10" fillId="0" borderId="0" xfId="3" applyNumberFormat="1" applyFont="1" applyFill="1" applyBorder="1" applyAlignment="1" applyProtection="1">
      <alignment horizontal="center"/>
      <protection locked="0"/>
    </xf>
    <xf numFmtId="0" fontId="10" fillId="0" borderId="0" xfId="3" applyFont="1" applyFill="1" applyBorder="1"/>
    <xf numFmtId="0" fontId="5" fillId="0" borderId="0" xfId="3" applyNumberFormat="1" applyFont="1" applyFill="1" applyBorder="1" applyAlignment="1" applyProtection="1">
      <alignment horizontal="center"/>
      <protection locked="0"/>
    </xf>
    <xf numFmtId="0" fontId="13" fillId="0" borderId="0" xfId="0" applyFont="1" applyFill="1" applyBorder="1" applyAlignment="1">
      <alignment vertical="center"/>
    </xf>
    <xf numFmtId="0" fontId="11" fillId="0" borderId="0" xfId="0" applyFont="1" applyFill="1" applyBorder="1" applyAlignment="1">
      <alignment vertical="center"/>
    </xf>
    <xf numFmtId="178" fontId="11" fillId="0" borderId="0" xfId="0" applyNumberFormat="1" applyFont="1" applyFill="1" applyBorder="1" applyAlignment="1">
      <alignment vertical="center"/>
    </xf>
    <xf numFmtId="38" fontId="14" fillId="0" borderId="0" xfId="1" applyFont="1" applyFill="1" applyBorder="1" applyAlignment="1">
      <alignment vertical="center"/>
    </xf>
    <xf numFmtId="38" fontId="10" fillId="0" borderId="0" xfId="1" applyFont="1" applyFill="1" applyBorder="1" applyAlignment="1">
      <alignment horizontal="center" vertical="center"/>
    </xf>
    <xf numFmtId="38" fontId="10" fillId="0" borderId="0" xfId="1" applyFont="1" applyFill="1" applyBorder="1" applyAlignment="1">
      <alignment vertical="center"/>
    </xf>
    <xf numFmtId="0" fontId="11" fillId="0" borderId="68" xfId="0" applyFont="1" applyFill="1" applyBorder="1" applyAlignment="1">
      <alignment horizontal="centerContinuous" vertical="center"/>
    </xf>
    <xf numFmtId="0" fontId="11" fillId="0" borderId="16" xfId="0" applyFont="1" applyFill="1" applyBorder="1" applyAlignment="1"/>
    <xf numFmtId="0" fontId="11" fillId="0" borderId="17" xfId="0" applyFont="1" applyFill="1" applyBorder="1" applyAlignment="1">
      <alignment vertical="center"/>
    </xf>
    <xf numFmtId="178" fontId="11" fillId="0" borderId="68" xfId="0" applyNumberFormat="1" applyFont="1" applyFill="1" applyBorder="1" applyAlignment="1">
      <alignment horizontal="distributed" vertical="center" wrapText="1"/>
    </xf>
    <xf numFmtId="0" fontId="11" fillId="0" borderId="68" xfId="0" applyFont="1" applyFill="1" applyBorder="1" applyAlignment="1">
      <alignment horizontal="center" vertical="center" wrapText="1"/>
    </xf>
    <xf numFmtId="177" fontId="11" fillId="0" borderId="22" xfId="0" applyNumberFormat="1" applyFont="1" applyFill="1" applyBorder="1" applyAlignment="1">
      <alignment vertical="center"/>
    </xf>
    <xf numFmtId="177" fontId="11" fillId="0" borderId="25" xfId="0" applyNumberFormat="1" applyFont="1" applyFill="1" applyBorder="1" applyAlignment="1">
      <alignment vertical="center"/>
    </xf>
    <xf numFmtId="177" fontId="11" fillId="0" borderId="28" xfId="0" applyNumberFormat="1" applyFont="1" applyFill="1" applyBorder="1" applyAlignment="1">
      <alignment vertical="center"/>
    </xf>
    <xf numFmtId="177" fontId="11" fillId="0" borderId="72" xfId="0" applyNumberFormat="1" applyFont="1" applyFill="1" applyBorder="1" applyAlignment="1">
      <alignment vertical="center"/>
    </xf>
    <xf numFmtId="177" fontId="11" fillId="0" borderId="73" xfId="0" applyNumberFormat="1" applyFont="1" applyFill="1" applyBorder="1" applyAlignment="1">
      <alignment vertical="center"/>
    </xf>
    <xf numFmtId="179" fontId="5" fillId="0" borderId="0" xfId="3" applyNumberFormat="1" applyFont="1" applyFill="1" applyBorder="1"/>
    <xf numFmtId="0" fontId="11" fillId="0" borderId="0" xfId="0" applyFont="1" applyFill="1"/>
    <xf numFmtId="0" fontId="0" fillId="0" borderId="0" xfId="0" applyFill="1"/>
    <xf numFmtId="0" fontId="0" fillId="0" borderId="0" xfId="3" applyNumberFormat="1" applyFont="1" applyFill="1" applyBorder="1" applyAlignment="1" applyProtection="1">
      <alignment horizontal="left"/>
      <protection locked="0"/>
    </xf>
    <xf numFmtId="178" fontId="11" fillId="0" borderId="68" xfId="1" applyNumberFormat="1" applyFont="1" applyFill="1" applyBorder="1" applyAlignment="1">
      <alignment vertical="center"/>
    </xf>
    <xf numFmtId="0" fontId="9" fillId="0" borderId="79" xfId="3" applyNumberFormat="1" applyFont="1" applyFill="1" applyBorder="1" applyAlignment="1" applyProtection="1">
      <alignment horizontal="left"/>
      <protection locked="0"/>
    </xf>
    <xf numFmtId="0" fontId="9" fillId="0" borderId="42" xfId="3" applyNumberFormat="1" applyFont="1" applyFill="1" applyBorder="1" applyAlignment="1" applyProtection="1">
      <alignment horizontal="left"/>
      <protection locked="0"/>
    </xf>
    <xf numFmtId="0" fontId="9" fillId="0" borderId="46" xfId="3" applyNumberFormat="1" applyFont="1" applyFill="1" applyBorder="1" applyAlignment="1" applyProtection="1">
      <alignment horizontal="left"/>
      <protection locked="0"/>
    </xf>
    <xf numFmtId="180" fontId="9" fillId="0" borderId="32" xfId="3" applyNumberFormat="1" applyFont="1" applyFill="1" applyBorder="1" applyAlignment="1">
      <alignment horizontal="right"/>
    </xf>
    <xf numFmtId="180" fontId="9" fillId="0" borderId="20" xfId="3" applyNumberFormat="1" applyFont="1" applyFill="1" applyBorder="1" applyAlignment="1">
      <alignment horizontal="right"/>
    </xf>
    <xf numFmtId="180" fontId="9" fillId="0" borderId="19" xfId="3" applyNumberFormat="1" applyFont="1" applyFill="1" applyBorder="1" applyAlignment="1">
      <alignment horizontal="right"/>
    </xf>
    <xf numFmtId="180" fontId="9" fillId="0" borderId="45" xfId="3" applyNumberFormat="1" applyFont="1" applyFill="1" applyBorder="1" applyAlignment="1">
      <alignment horizontal="right"/>
    </xf>
    <xf numFmtId="180" fontId="9" fillId="0" borderId="49" xfId="3" applyNumberFormat="1" applyFont="1" applyFill="1" applyBorder="1" applyAlignment="1">
      <alignment horizontal="right"/>
    </xf>
    <xf numFmtId="180" fontId="9" fillId="0" borderId="53" xfId="3" applyNumberFormat="1" applyFont="1" applyFill="1" applyBorder="1" applyAlignment="1">
      <alignment horizontal="right"/>
    </xf>
    <xf numFmtId="180" fontId="9" fillId="0" borderId="64" xfId="3" applyNumberFormat="1" applyFont="1" applyFill="1" applyBorder="1" applyAlignment="1">
      <alignment horizontal="right"/>
    </xf>
    <xf numFmtId="180" fontId="9" fillId="0" borderId="59" xfId="3" applyNumberFormat="1" applyFont="1" applyFill="1" applyBorder="1" applyAlignment="1">
      <alignment horizontal="right"/>
    </xf>
    <xf numFmtId="180" fontId="9" fillId="0" borderId="19" xfId="3" applyNumberFormat="1" applyFont="1" applyFill="1" applyBorder="1"/>
    <xf numFmtId="180" fontId="9" fillId="0" borderId="53" xfId="3" applyNumberFormat="1" applyFont="1" applyFill="1" applyBorder="1"/>
    <xf numFmtId="180" fontId="9" fillId="0" borderId="32" xfId="3" applyNumberFormat="1" applyFont="1" applyFill="1" applyBorder="1"/>
    <xf numFmtId="180" fontId="11" fillId="0" borderId="23" xfId="3" applyNumberFormat="1" applyFont="1" applyFill="1" applyBorder="1" applyAlignment="1">
      <alignment horizontal="right"/>
    </xf>
    <xf numFmtId="180" fontId="11" fillId="0" borderId="21" xfId="3" applyNumberFormat="1" applyFont="1" applyFill="1" applyBorder="1" applyAlignment="1">
      <alignment horizontal="right"/>
    </xf>
    <xf numFmtId="180" fontId="11" fillId="0" borderId="26" xfId="3" applyNumberFormat="1" applyFont="1" applyFill="1" applyBorder="1" applyAlignment="1">
      <alignment horizontal="right"/>
    </xf>
    <xf numFmtId="180" fontId="11" fillId="0" borderId="19" xfId="3" applyNumberFormat="1" applyFont="1" applyFill="1" applyBorder="1" applyAlignment="1">
      <alignment horizontal="right"/>
    </xf>
    <xf numFmtId="180" fontId="11" fillId="0" borderId="29" xfId="3" applyNumberFormat="1" applyFont="1" applyFill="1" applyBorder="1" applyAlignment="1">
      <alignment horizontal="right"/>
    </xf>
    <xf numFmtId="180" fontId="11" fillId="0" borderId="27" xfId="3" applyNumberFormat="1" applyFont="1" applyFill="1" applyBorder="1" applyAlignment="1">
      <alignment horizontal="right"/>
    </xf>
    <xf numFmtId="180" fontId="11" fillId="0" borderId="69" xfId="3" applyNumberFormat="1" applyFont="1" applyFill="1" applyBorder="1" applyAlignment="1">
      <alignment horizontal="right"/>
    </xf>
    <xf numFmtId="180" fontId="11" fillId="0" borderId="44" xfId="3" applyNumberFormat="1" applyFont="1" applyFill="1" applyBorder="1" applyAlignment="1">
      <alignment horizontal="right"/>
    </xf>
    <xf numFmtId="180" fontId="11" fillId="0" borderId="74" xfId="3" applyNumberFormat="1" applyFont="1" applyFill="1" applyBorder="1" applyAlignment="1">
      <alignment horizontal="right"/>
    </xf>
    <xf numFmtId="180" fontId="11" fillId="0" borderId="45" xfId="3" applyNumberFormat="1" applyFont="1" applyFill="1" applyBorder="1" applyAlignment="1">
      <alignment horizontal="right"/>
    </xf>
    <xf numFmtId="180" fontId="11" fillId="0" borderId="75" xfId="3" applyNumberFormat="1" applyFont="1" applyFill="1" applyBorder="1" applyAlignment="1">
      <alignment horizontal="right"/>
    </xf>
    <xf numFmtId="180" fontId="11" fillId="0" borderId="49" xfId="3" applyNumberFormat="1" applyFont="1" applyFill="1" applyBorder="1" applyAlignment="1">
      <alignment horizontal="right"/>
    </xf>
    <xf numFmtId="180" fontId="11" fillId="0" borderId="76" xfId="3" applyNumberFormat="1" applyFont="1" applyFill="1" applyBorder="1" applyAlignment="1">
      <alignment horizontal="right"/>
    </xf>
    <xf numFmtId="180" fontId="11" fillId="0" borderId="20" xfId="3" applyNumberFormat="1" applyFont="1" applyFill="1" applyBorder="1" applyAlignment="1">
      <alignment horizontal="right"/>
    </xf>
    <xf numFmtId="180" fontId="11" fillId="0" borderId="77" xfId="3" applyNumberFormat="1" applyFont="1" applyFill="1" applyBorder="1" applyAlignment="1">
      <alignment horizontal="right"/>
    </xf>
    <xf numFmtId="180" fontId="11" fillId="0" borderId="78" xfId="3" applyNumberFormat="1" applyFont="1" applyFill="1" applyBorder="1" applyAlignment="1">
      <alignment horizontal="right"/>
    </xf>
    <xf numFmtId="180" fontId="11" fillId="0" borderId="59" xfId="3" applyNumberFormat="1" applyFont="1" applyFill="1" applyBorder="1" applyAlignment="1">
      <alignment horizontal="right"/>
    </xf>
    <xf numFmtId="0" fontId="9" fillId="0" borderId="80" xfId="2" applyFont="1" applyFill="1" applyBorder="1"/>
    <xf numFmtId="0" fontId="9" fillId="0" borderId="81" xfId="2" applyFont="1" applyFill="1" applyBorder="1"/>
    <xf numFmtId="0" fontId="9" fillId="0" borderId="18" xfId="3" applyNumberFormat="1" applyFont="1" applyFill="1" applyBorder="1" applyAlignment="1" applyProtection="1">
      <alignment horizontal="left"/>
      <protection locked="0"/>
    </xf>
    <xf numFmtId="0" fontId="9" fillId="0" borderId="71" xfId="2" applyFont="1" applyFill="1" applyBorder="1"/>
    <xf numFmtId="0" fontId="9" fillId="0" borderId="24" xfId="2" applyFont="1" applyFill="1" applyBorder="1"/>
    <xf numFmtId="0" fontId="9" fillId="0" borderId="0" xfId="2" applyFont="1" applyFill="1" applyBorder="1"/>
    <xf numFmtId="0" fontId="9" fillId="0" borderId="18" xfId="2" applyFont="1" applyFill="1" applyBorder="1"/>
    <xf numFmtId="176" fontId="9" fillId="0" borderId="32" xfId="3" applyNumberFormat="1" applyFont="1" applyFill="1" applyBorder="1"/>
    <xf numFmtId="176" fontId="9" fillId="0" borderId="19" xfId="3" applyNumberFormat="1" applyFont="1" applyFill="1" applyBorder="1"/>
    <xf numFmtId="176" fontId="9" fillId="0" borderId="44" xfId="3" applyNumberFormat="1" applyFont="1" applyFill="1" applyBorder="1"/>
    <xf numFmtId="176" fontId="9" fillId="0" borderId="52" xfId="3" applyNumberFormat="1" applyFont="1" applyFill="1" applyBorder="1" applyAlignment="1">
      <alignment horizontal="right"/>
    </xf>
    <xf numFmtId="176" fontId="9" fillId="0" borderId="52" xfId="3" applyNumberFormat="1" applyFont="1" applyFill="1" applyBorder="1"/>
    <xf numFmtId="176" fontId="9" fillId="0" borderId="78" xfId="3" applyNumberFormat="1" applyFont="1" applyFill="1" applyBorder="1"/>
    <xf numFmtId="176" fontId="9" fillId="0" borderId="44" xfId="3" applyNumberFormat="1" applyFont="1" applyFill="1" applyBorder="1" applyAlignment="1">
      <alignment horizontal="right"/>
    </xf>
    <xf numFmtId="176" fontId="9" fillId="0" borderId="27" xfId="3" applyNumberFormat="1" applyFont="1" applyFill="1" applyBorder="1" applyAlignment="1">
      <alignment horizontal="right"/>
    </xf>
    <xf numFmtId="176" fontId="9" fillId="0" borderId="21" xfId="3" applyNumberFormat="1" applyFont="1" applyFill="1" applyBorder="1"/>
    <xf numFmtId="176" fontId="9" fillId="0" borderId="33" xfId="3" applyNumberFormat="1" applyFont="1" applyFill="1" applyBorder="1"/>
    <xf numFmtId="176" fontId="9" fillId="0" borderId="63" xfId="3" applyNumberFormat="1" applyFont="1" applyFill="1" applyBorder="1"/>
    <xf numFmtId="176" fontId="9" fillId="0" borderId="27" xfId="3" applyNumberFormat="1" applyFont="1" applyFill="1" applyBorder="1"/>
    <xf numFmtId="176" fontId="9" fillId="0" borderId="59" xfId="3" applyNumberFormat="1" applyFont="1" applyFill="1" applyBorder="1"/>
    <xf numFmtId="176" fontId="9" fillId="0" borderId="19" xfId="3" applyNumberFormat="1" applyFont="1" applyFill="1" applyBorder="1" applyAlignment="1">
      <alignment horizontal="right"/>
    </xf>
    <xf numFmtId="176" fontId="9" fillId="0" borderId="21" xfId="3" applyNumberFormat="1" applyFont="1" applyFill="1" applyBorder="1" applyAlignment="1">
      <alignment horizontal="right"/>
    </xf>
    <xf numFmtId="176" fontId="9" fillId="0" borderId="35" xfId="3" applyNumberFormat="1" applyFont="1" applyFill="1" applyBorder="1"/>
    <xf numFmtId="176" fontId="9" fillId="0" borderId="18" xfId="3" applyNumberFormat="1" applyFont="1" applyFill="1" applyBorder="1"/>
    <xf numFmtId="176" fontId="9" fillId="0" borderId="46" xfId="3" applyNumberFormat="1" applyFont="1" applyFill="1" applyBorder="1"/>
    <xf numFmtId="176" fontId="9" fillId="0" borderId="54" xfId="3" applyNumberFormat="1" applyFont="1" applyFill="1" applyBorder="1" applyAlignment="1">
      <alignment horizontal="right"/>
    </xf>
    <xf numFmtId="176" fontId="9" fillId="0" borderId="54" xfId="3" applyNumberFormat="1" applyFont="1" applyFill="1" applyBorder="1"/>
    <xf numFmtId="176" fontId="9" fillId="0" borderId="70" xfId="3" applyNumberFormat="1" applyFont="1" applyFill="1" applyBorder="1"/>
    <xf numFmtId="176" fontId="9" fillId="0" borderId="46" xfId="3" applyNumberFormat="1" applyFont="1" applyFill="1" applyBorder="1" applyAlignment="1">
      <alignment horizontal="right"/>
    </xf>
    <xf numFmtId="176" fontId="9" fillId="0" borderId="16" xfId="3" applyNumberFormat="1" applyFont="1" applyFill="1" applyBorder="1" applyAlignment="1">
      <alignment horizontal="right"/>
    </xf>
    <xf numFmtId="176" fontId="9" fillId="0" borderId="36" xfId="3" applyNumberFormat="1" applyFont="1" applyFill="1" applyBorder="1"/>
    <xf numFmtId="176" fontId="9" fillId="0" borderId="61" xfId="3" applyNumberFormat="1" applyFont="1" applyFill="1" applyBorder="1"/>
    <xf numFmtId="176" fontId="9" fillId="0" borderId="18" xfId="3" applyNumberFormat="1" applyFont="1" applyFill="1" applyBorder="1" applyAlignment="1">
      <alignment horizontal="right"/>
    </xf>
    <xf numFmtId="176" fontId="9" fillId="0" borderId="36" xfId="3" applyNumberFormat="1" applyFont="1" applyFill="1" applyBorder="1" applyAlignment="1">
      <alignment horizontal="right"/>
    </xf>
    <xf numFmtId="176" fontId="9" fillId="0" borderId="11" xfId="3" applyNumberFormat="1" applyFont="1" applyFill="1" applyBorder="1"/>
    <xf numFmtId="176" fontId="9" fillId="0" borderId="16" xfId="3" applyNumberFormat="1" applyFont="1" applyFill="1" applyBorder="1"/>
    <xf numFmtId="0" fontId="9" fillId="0" borderId="0" xfId="2" applyFont="1" applyFill="1" applyBorder="1"/>
    <xf numFmtId="181" fontId="9" fillId="0" borderId="19" xfId="3" applyNumberFormat="1" applyFont="1" applyFill="1" applyBorder="1"/>
    <xf numFmtId="181" fontId="9" fillId="0" borderId="49" xfId="3" applyNumberFormat="1" applyFont="1" applyFill="1" applyBorder="1" applyAlignment="1">
      <alignment horizontal="right"/>
    </xf>
    <xf numFmtId="181" fontId="9" fillId="0" borderId="19" xfId="3" applyNumberFormat="1" applyFont="1" applyFill="1" applyBorder="1" applyAlignment="1">
      <alignment horizontal="right"/>
    </xf>
    <xf numFmtId="181" fontId="9" fillId="0" borderId="18" xfId="3" applyNumberFormat="1" applyFont="1" applyFill="1" applyBorder="1"/>
    <xf numFmtId="176" fontId="9" fillId="0" borderId="78" xfId="3" applyNumberFormat="1" applyFont="1" applyFill="1" applyBorder="1" applyAlignment="1">
      <alignment horizontal="right"/>
    </xf>
    <xf numFmtId="176" fontId="9" fillId="0" borderId="70" xfId="3" applyNumberFormat="1" applyFont="1" applyFill="1" applyBorder="1" applyAlignment="1">
      <alignment horizontal="right"/>
    </xf>
    <xf numFmtId="3" fontId="9" fillId="0" borderId="26" xfId="3" applyNumberFormat="1" applyFont="1" applyFill="1" applyBorder="1" applyAlignment="1" applyProtection="1">
      <alignment horizontal="center" vertical="top"/>
      <protection locked="0"/>
    </xf>
    <xf numFmtId="3" fontId="9" fillId="0" borderId="29" xfId="3" applyNumberFormat="1" applyFont="1" applyFill="1" applyBorder="1" applyAlignment="1" applyProtection="1">
      <alignment horizontal="center" vertical="top"/>
      <protection locked="0"/>
    </xf>
    <xf numFmtId="3" fontId="9" fillId="0" borderId="25" xfId="3" applyNumberFormat="1" applyFont="1" applyFill="1" applyBorder="1" applyAlignment="1" applyProtection="1">
      <alignment horizontal="center" vertical="top"/>
      <protection locked="0"/>
    </xf>
    <xf numFmtId="3" fontId="9" fillId="0" borderId="28" xfId="3" applyNumberFormat="1" applyFont="1" applyFill="1" applyBorder="1" applyAlignment="1" applyProtection="1">
      <alignment horizontal="center" vertical="top"/>
      <protection locked="0"/>
    </xf>
    <xf numFmtId="3" fontId="9" fillId="0" borderId="19" xfId="3" applyNumberFormat="1" applyFont="1" applyFill="1" applyBorder="1" applyAlignment="1" applyProtection="1">
      <alignment horizontal="center" vertical="top"/>
      <protection locked="0"/>
    </xf>
    <xf numFmtId="3" fontId="9" fillId="0" borderId="27" xfId="3" applyNumberFormat="1" applyFont="1" applyFill="1" applyBorder="1" applyAlignment="1" applyProtection="1">
      <alignment horizontal="center" vertical="top"/>
      <protection locked="0"/>
    </xf>
    <xf numFmtId="0" fontId="9" fillId="0" borderId="24" xfId="2" applyFont="1" applyFill="1" applyBorder="1"/>
    <xf numFmtId="0" fontId="9" fillId="0" borderId="0" xfId="2" applyFont="1" applyFill="1" applyBorder="1"/>
    <xf numFmtId="0" fontId="9" fillId="0" borderId="18" xfId="2" applyFont="1" applyFill="1" applyBorder="1"/>
    <xf numFmtId="3" fontId="9" fillId="0" borderId="22" xfId="3" applyNumberFormat="1" applyFont="1" applyFill="1" applyBorder="1" applyAlignment="1" applyProtection="1">
      <alignment horizontal="center"/>
      <protection locked="0"/>
    </xf>
    <xf numFmtId="3" fontId="9" fillId="0" borderId="25" xfId="3" applyNumberFormat="1" applyFont="1" applyFill="1" applyBorder="1" applyAlignment="1" applyProtection="1">
      <alignment horizontal="center"/>
      <protection locked="0"/>
    </xf>
    <xf numFmtId="3" fontId="9" fillId="0" borderId="23" xfId="3" applyNumberFormat="1" applyFont="1" applyFill="1" applyBorder="1" applyProtection="1">
      <protection locked="0"/>
    </xf>
    <xf numFmtId="3" fontId="9" fillId="0" borderId="26" xfId="3" applyNumberFormat="1" applyFont="1" applyFill="1" applyBorder="1" applyProtection="1">
      <protection locked="0"/>
    </xf>
    <xf numFmtId="3" fontId="9" fillId="0" borderId="22" xfId="3" applyNumberFormat="1" applyFont="1" applyFill="1" applyBorder="1" applyProtection="1">
      <protection locked="0"/>
    </xf>
    <xf numFmtId="3" fontId="9" fillId="0" borderId="25" xfId="3" applyNumberFormat="1" applyFont="1" applyFill="1" applyBorder="1" applyProtection="1">
      <protection locked="0"/>
    </xf>
    <xf numFmtId="3" fontId="9" fillId="0" borderId="20" xfId="3" applyNumberFormat="1" applyFont="1" applyFill="1" applyBorder="1" applyAlignment="1" applyProtection="1">
      <alignment horizontal="center"/>
      <protection locked="0"/>
    </xf>
    <xf numFmtId="3" fontId="9" fillId="0" borderId="19" xfId="3" applyNumberFormat="1" applyFont="1" applyFill="1" applyBorder="1" applyAlignment="1" applyProtection="1">
      <alignment horizontal="center"/>
      <protection locked="0"/>
    </xf>
    <xf numFmtId="3" fontId="9" fillId="0" borderId="21" xfId="3" applyNumberFormat="1" applyFont="1" applyFill="1" applyBorder="1" applyProtection="1">
      <protection locked="0"/>
    </xf>
    <xf numFmtId="3" fontId="9" fillId="0" borderId="19" xfId="3" applyNumberFormat="1" applyFont="1" applyFill="1" applyBorder="1" applyProtection="1">
      <protection locked="0"/>
    </xf>
    <xf numFmtId="3" fontId="9" fillId="0" borderId="0" xfId="3" applyNumberFormat="1" applyFont="1" applyFill="1" applyBorder="1" applyAlignment="1" applyProtection="1">
      <alignment horizontal="right" vertical="top"/>
      <protection locked="0"/>
    </xf>
    <xf numFmtId="3" fontId="9" fillId="0" borderId="15" xfId="3" applyNumberFormat="1" applyFont="1" applyFill="1" applyBorder="1" applyAlignment="1" applyProtection="1">
      <alignment horizontal="right" vertical="top"/>
      <protection locked="0"/>
    </xf>
    <xf numFmtId="0" fontId="9" fillId="0" borderId="5" xfId="3" applyNumberFormat="1" applyFont="1" applyFill="1" applyBorder="1" applyAlignment="1" applyProtection="1">
      <alignment horizontal="center" vertical="center" justifyLastLine="1"/>
      <protection locked="0"/>
    </xf>
    <xf numFmtId="0" fontId="9" fillId="0" borderId="2" xfId="3" applyNumberFormat="1" applyFont="1" applyFill="1" applyBorder="1" applyAlignment="1" applyProtection="1">
      <alignment horizontal="center" vertical="center" justifyLastLine="1"/>
      <protection locked="0"/>
    </xf>
    <xf numFmtId="0" fontId="9" fillId="0" borderId="4" xfId="3" applyNumberFormat="1" applyFont="1" applyFill="1" applyBorder="1" applyAlignment="1" applyProtection="1">
      <alignment horizontal="center" vertical="center" justifyLastLine="1"/>
      <protection locked="0"/>
    </xf>
    <xf numFmtId="0" fontId="9" fillId="0" borderId="16" xfId="3" applyNumberFormat="1" applyFont="1" applyFill="1" applyBorder="1" applyAlignment="1" applyProtection="1">
      <alignment horizontal="center" vertical="center" justifyLastLine="1"/>
      <protection locked="0"/>
    </xf>
    <xf numFmtId="0" fontId="9" fillId="0" borderId="13" xfId="3" applyNumberFormat="1" applyFont="1" applyFill="1" applyBorder="1" applyAlignment="1" applyProtection="1">
      <alignment horizontal="center" vertical="center" justifyLastLine="1"/>
      <protection locked="0"/>
    </xf>
    <xf numFmtId="0" fontId="9" fillId="0" borderId="17" xfId="3" applyNumberFormat="1" applyFont="1" applyFill="1" applyBorder="1" applyAlignment="1" applyProtection="1">
      <alignment horizontal="center" vertical="center" justifyLastLine="1"/>
      <protection locked="0"/>
    </xf>
    <xf numFmtId="0" fontId="9" fillId="0" borderId="3" xfId="3" applyNumberFormat="1" applyFont="1" applyFill="1" applyBorder="1" applyAlignment="1" applyProtection="1">
      <alignment horizontal="center" vertical="center" justifyLastLine="1"/>
      <protection locked="0"/>
    </xf>
    <xf numFmtId="0" fontId="9" fillId="0" borderId="14" xfId="3" applyNumberFormat="1" applyFont="1" applyFill="1" applyBorder="1" applyAlignment="1" applyProtection="1">
      <alignment horizontal="center" vertical="center" justifyLastLine="1"/>
      <protection locked="0"/>
    </xf>
    <xf numFmtId="0" fontId="9" fillId="0" borderId="1" xfId="3" applyNumberFormat="1" applyFont="1" applyFill="1" applyBorder="1" applyAlignment="1" applyProtection="1">
      <alignment horizontal="center" vertical="center" justifyLastLine="1"/>
      <protection locked="0"/>
    </xf>
    <xf numFmtId="0" fontId="9" fillId="0" borderId="7" xfId="3" applyNumberFormat="1" applyFont="1" applyFill="1" applyBorder="1" applyAlignment="1" applyProtection="1">
      <alignment horizontal="center" vertical="center" justifyLastLine="1"/>
      <protection locked="0"/>
    </xf>
    <xf numFmtId="0" fontId="9" fillId="0" borderId="8" xfId="3" applyNumberFormat="1" applyFont="1" applyFill="1" applyBorder="1" applyAlignment="1" applyProtection="1">
      <alignment horizontal="center" vertical="center" justifyLastLine="1"/>
      <protection locked="0"/>
    </xf>
    <xf numFmtId="0" fontId="9" fillId="0" borderId="9" xfId="3" applyNumberFormat="1" applyFont="1" applyFill="1" applyBorder="1" applyAlignment="1" applyProtection="1">
      <alignment horizontal="center" vertical="center" justifyLastLine="1"/>
      <protection locked="0"/>
    </xf>
    <xf numFmtId="0" fontId="9" fillId="0" borderId="10" xfId="3" applyNumberFormat="1" applyFont="1" applyFill="1" applyBorder="1" applyAlignment="1" applyProtection="1">
      <alignment horizontal="center" vertical="center" justifyLastLine="1"/>
      <protection locked="0"/>
    </xf>
    <xf numFmtId="0" fontId="9" fillId="0" borderId="11" xfId="3" applyNumberFormat="1" applyFont="1" applyFill="1" applyBorder="1" applyAlignment="1" applyProtection="1">
      <alignment horizontal="center" vertical="center" justifyLastLine="1"/>
      <protection locked="0"/>
    </xf>
    <xf numFmtId="0" fontId="9" fillId="0" borderId="12" xfId="3" applyNumberFormat="1" applyFont="1" applyFill="1" applyBorder="1" applyAlignment="1" applyProtection="1">
      <alignment horizontal="center" vertical="center" justifyLastLine="1"/>
      <protection locked="0"/>
    </xf>
    <xf numFmtId="0" fontId="15" fillId="0" borderId="16" xfId="0" applyFont="1" applyFill="1" applyBorder="1" applyAlignment="1">
      <alignment horizontal="distributed" vertical="center"/>
    </xf>
    <xf numFmtId="0" fontId="15" fillId="0" borderId="17" xfId="0" applyFont="1" applyFill="1" applyBorder="1" applyAlignment="1">
      <alignment horizontal="distributed" vertical="center"/>
    </xf>
    <xf numFmtId="0" fontId="15" fillId="0" borderId="70" xfId="0" applyFont="1" applyFill="1" applyBorder="1" applyAlignment="1">
      <alignment horizontal="distributed" vertical="center"/>
    </xf>
    <xf numFmtId="0" fontId="15" fillId="0" borderId="71" xfId="0" applyFont="1" applyFill="1" applyBorder="1" applyAlignment="1">
      <alignment horizontal="distributed" vertical="center"/>
    </xf>
    <xf numFmtId="0" fontId="15" fillId="0" borderId="18" xfId="0" applyFont="1" applyFill="1" applyBorder="1" applyAlignment="1">
      <alignment horizontal="distributed" vertical="center"/>
    </xf>
    <xf numFmtId="0" fontId="15" fillId="0" borderId="15" xfId="0" applyFont="1" applyFill="1" applyBorder="1" applyAlignment="1">
      <alignment horizontal="distributed" vertical="center"/>
    </xf>
    <xf numFmtId="0" fontId="15" fillId="0" borderId="36" xfId="0" applyFont="1" applyFill="1" applyBorder="1" applyAlignment="1">
      <alignment horizontal="distributed" vertical="center"/>
    </xf>
    <xf numFmtId="0" fontId="15" fillId="0" borderId="67" xfId="0" applyFont="1" applyFill="1" applyBorder="1" applyAlignment="1">
      <alignment horizontal="distributed" vertical="center"/>
    </xf>
    <xf numFmtId="0" fontId="15" fillId="0" borderId="46" xfId="0" applyFont="1" applyFill="1" applyBorder="1" applyAlignment="1">
      <alignment horizontal="distributed" vertical="center"/>
    </xf>
    <xf numFmtId="0" fontId="15" fillId="0" borderId="48" xfId="0" applyFont="1" applyFill="1" applyBorder="1" applyAlignment="1">
      <alignment horizontal="distributed" vertical="center"/>
    </xf>
    <xf numFmtId="0" fontId="11" fillId="0" borderId="36" xfId="0" applyFont="1" applyFill="1" applyBorder="1" applyAlignment="1">
      <alignment horizontal="right" vertical="center"/>
    </xf>
    <xf numFmtId="0" fontId="11" fillId="0" borderId="67" xfId="0" applyFont="1" applyFill="1" applyBorder="1" applyAlignment="1">
      <alignment horizontal="right" vertical="center"/>
    </xf>
    <xf numFmtId="178" fontId="11" fillId="0" borderId="35" xfId="0" applyNumberFormat="1" applyFont="1" applyFill="1" applyBorder="1" applyAlignment="1">
      <alignment horizontal="center" vertical="center"/>
    </xf>
    <xf numFmtId="178" fontId="11" fillId="0" borderId="31" xfId="0" applyNumberFormat="1" applyFont="1" applyFill="1" applyBorder="1" applyAlignment="1">
      <alignment horizontal="center" vertical="center"/>
    </xf>
    <xf numFmtId="178" fontId="11" fillId="0" borderId="34" xfId="0" applyNumberFormat="1" applyFont="1" applyFill="1" applyBorder="1" applyAlignment="1">
      <alignment horizontal="center" vertical="center"/>
    </xf>
  </cellXfs>
  <cellStyles count="4">
    <cellStyle name="桁区切り" xfId="1" builtinId="6"/>
    <cellStyle name="標準" xfId="0" builtinId="0"/>
    <cellStyle name="標準_p001-012歳入内訳ほか" xfId="2"/>
    <cellStyle name="標準_Sheet16"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2</xdr:row>
      <xdr:rowOff>114300</xdr:rowOff>
    </xdr:from>
    <xdr:to>
      <xdr:col>4</xdr:col>
      <xdr:colOff>0</xdr:colOff>
      <xdr:row>9</xdr:row>
      <xdr:rowOff>0</xdr:rowOff>
    </xdr:to>
    <xdr:sp macro="" textlink="">
      <xdr:nvSpPr>
        <xdr:cNvPr id="2" name="Line 1"/>
        <xdr:cNvSpPr>
          <a:spLocks noChangeShapeType="1"/>
        </xdr:cNvSpPr>
      </xdr:nvSpPr>
      <xdr:spPr bwMode="auto">
        <a:xfrm>
          <a:off x="0" y="600075"/>
          <a:ext cx="1838325" cy="7048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2</xdr:row>
      <xdr:rowOff>114300</xdr:rowOff>
    </xdr:from>
    <xdr:to>
      <xdr:col>17</xdr:col>
      <xdr:colOff>0</xdr:colOff>
      <xdr:row>9</xdr:row>
      <xdr:rowOff>0</xdr:rowOff>
    </xdr:to>
    <xdr:sp macro="" textlink="">
      <xdr:nvSpPr>
        <xdr:cNvPr id="3" name="Line 13"/>
        <xdr:cNvSpPr>
          <a:spLocks noChangeShapeType="1"/>
        </xdr:cNvSpPr>
      </xdr:nvSpPr>
      <xdr:spPr bwMode="auto">
        <a:xfrm>
          <a:off x="8867775" y="600075"/>
          <a:ext cx="1838325" cy="7048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6</xdr:col>
      <xdr:colOff>0</xdr:colOff>
      <xdr:row>2</xdr:row>
      <xdr:rowOff>114300</xdr:rowOff>
    </xdr:from>
    <xdr:to>
      <xdr:col>30</xdr:col>
      <xdr:colOff>0</xdr:colOff>
      <xdr:row>9</xdr:row>
      <xdr:rowOff>0</xdr:rowOff>
    </xdr:to>
    <xdr:sp macro="" textlink="">
      <xdr:nvSpPr>
        <xdr:cNvPr id="4" name="Line 14"/>
        <xdr:cNvSpPr>
          <a:spLocks noChangeShapeType="1"/>
        </xdr:cNvSpPr>
      </xdr:nvSpPr>
      <xdr:spPr bwMode="auto">
        <a:xfrm>
          <a:off x="17735550" y="600075"/>
          <a:ext cx="1838325" cy="7048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9</xdr:col>
      <xdr:colOff>0</xdr:colOff>
      <xdr:row>2</xdr:row>
      <xdr:rowOff>114300</xdr:rowOff>
    </xdr:from>
    <xdr:to>
      <xdr:col>43</xdr:col>
      <xdr:colOff>0</xdr:colOff>
      <xdr:row>9</xdr:row>
      <xdr:rowOff>0</xdr:rowOff>
    </xdr:to>
    <xdr:sp macro="" textlink="">
      <xdr:nvSpPr>
        <xdr:cNvPr id="5" name="Line 15"/>
        <xdr:cNvSpPr>
          <a:spLocks noChangeShapeType="1"/>
        </xdr:cNvSpPr>
      </xdr:nvSpPr>
      <xdr:spPr bwMode="auto">
        <a:xfrm>
          <a:off x="26603325" y="600075"/>
          <a:ext cx="1838325" cy="7048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850</xdr:colOff>
      <xdr:row>3</xdr:row>
      <xdr:rowOff>7653</xdr:rowOff>
    </xdr:from>
    <xdr:to>
      <xdr:col>2</xdr:col>
      <xdr:colOff>10975</xdr:colOff>
      <xdr:row>4</xdr:row>
      <xdr:rowOff>300207</xdr:rowOff>
    </xdr:to>
    <xdr:sp macro="" textlink="">
      <xdr:nvSpPr>
        <xdr:cNvPr id="2" name="Line 4"/>
        <xdr:cNvSpPr>
          <a:spLocks noChangeShapeType="1"/>
        </xdr:cNvSpPr>
      </xdr:nvSpPr>
      <xdr:spPr bwMode="auto">
        <a:xfrm>
          <a:off x="850" y="561010"/>
          <a:ext cx="1293732" cy="446768"/>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X50"/>
  <sheetViews>
    <sheetView view="pageBreakPreview" zoomScaleNormal="100" zoomScaleSheetLayoutView="100" workbookViewId="0"/>
  </sheetViews>
  <sheetFormatPr defaultColWidth="8" defaultRowHeight="12"/>
  <cols>
    <col min="1" max="3" width="2.6640625" style="1" customWidth="1"/>
    <col min="4" max="4" width="19.44140625" style="4" customWidth="1"/>
    <col min="5" max="5" width="14.33203125" style="4" customWidth="1"/>
    <col min="6" max="6" width="11.6640625" style="4" customWidth="1"/>
    <col min="7" max="8" width="14.33203125" style="4" customWidth="1"/>
    <col min="9" max="9" width="11.6640625" style="4" customWidth="1"/>
    <col min="10" max="10" width="14.33203125" style="4" customWidth="1"/>
    <col min="11" max="13" width="8.33203125" style="4" customWidth="1"/>
    <col min="14" max="16" width="2.6640625" style="1" customWidth="1"/>
    <col min="17" max="17" width="19.44140625" style="4" customWidth="1"/>
    <col min="18" max="18" width="14.33203125" style="4" customWidth="1"/>
    <col min="19" max="19" width="11.6640625" style="4" customWidth="1"/>
    <col min="20" max="21" width="14.33203125" style="4" customWidth="1"/>
    <col min="22" max="22" width="11.6640625" style="4" customWidth="1"/>
    <col min="23" max="23" width="14.33203125" style="4" customWidth="1"/>
    <col min="24" max="26" width="8.33203125" style="4" customWidth="1"/>
    <col min="27" max="29" width="2.6640625" style="1" customWidth="1"/>
    <col min="30" max="30" width="19.44140625" style="4" customWidth="1"/>
    <col min="31" max="31" width="14.33203125" style="4" customWidth="1"/>
    <col min="32" max="32" width="11.6640625" style="4" customWidth="1"/>
    <col min="33" max="34" width="14.33203125" style="4" customWidth="1"/>
    <col min="35" max="35" width="11.6640625" style="4" customWidth="1"/>
    <col min="36" max="36" width="14.33203125" style="4" customWidth="1"/>
    <col min="37" max="39" width="8.33203125" style="4" customWidth="1"/>
    <col min="40" max="42" width="2.6640625" style="1" customWidth="1"/>
    <col min="43" max="43" width="19.44140625" style="4" customWidth="1"/>
    <col min="44" max="44" width="14.33203125" style="4" customWidth="1"/>
    <col min="45" max="45" width="11.6640625" style="4" customWidth="1"/>
    <col min="46" max="47" width="14.33203125" style="4" customWidth="1"/>
    <col min="48" max="48" width="11.6640625" style="4" customWidth="1"/>
    <col min="49" max="49" width="14.33203125" style="4" customWidth="1"/>
    <col min="50" max="52" width="8.33203125" style="4" customWidth="1"/>
    <col min="53" max="63" width="8" style="96"/>
    <col min="64" max="128" width="8" style="4" customWidth="1"/>
    <col min="129" max="16384" width="8" style="1"/>
  </cols>
  <sheetData>
    <row r="1" spans="1:52" ht="16.8" customHeight="1">
      <c r="A1" s="6" t="s">
        <v>168</v>
      </c>
      <c r="E1" s="5"/>
      <c r="F1" s="5"/>
      <c r="G1" s="5"/>
      <c r="H1" s="5"/>
      <c r="I1" s="5"/>
      <c r="J1" s="5"/>
      <c r="K1" s="5"/>
      <c r="L1" s="5"/>
      <c r="M1" s="5"/>
      <c r="N1" s="6"/>
      <c r="R1" s="5"/>
      <c r="S1" s="5"/>
      <c r="T1" s="5"/>
      <c r="U1" s="5"/>
      <c r="V1" s="5"/>
      <c r="W1" s="5"/>
      <c r="X1" s="5"/>
      <c r="Y1" s="5"/>
      <c r="Z1" s="5"/>
      <c r="AA1" s="6"/>
      <c r="AE1" s="5"/>
      <c r="AF1" s="5"/>
      <c r="AG1" s="5"/>
      <c r="AH1" s="5"/>
      <c r="AI1" s="7"/>
      <c r="AJ1" s="5"/>
      <c r="AK1" s="5"/>
      <c r="AL1" s="5"/>
      <c r="AM1" s="5"/>
      <c r="AN1" s="6"/>
      <c r="AR1" s="5"/>
      <c r="AS1" s="5"/>
      <c r="AT1" s="5"/>
      <c r="AU1" s="5"/>
      <c r="AV1" s="5"/>
      <c r="AW1" s="5"/>
      <c r="AX1" s="5"/>
      <c r="AY1" s="5"/>
      <c r="AZ1" s="5"/>
    </row>
    <row r="2" spans="1:52">
      <c r="A2" s="97" t="s">
        <v>0</v>
      </c>
      <c r="E2" s="3"/>
      <c r="F2" s="5"/>
      <c r="G2" s="5"/>
      <c r="H2" s="5"/>
      <c r="I2" s="5"/>
      <c r="J2" s="5"/>
      <c r="K2" s="94"/>
      <c r="L2" s="94"/>
      <c r="M2" s="94"/>
      <c r="N2" s="8" t="s">
        <v>1</v>
      </c>
      <c r="R2" s="3"/>
      <c r="S2" s="5"/>
      <c r="T2" s="5"/>
      <c r="U2" s="5"/>
      <c r="V2" s="5"/>
      <c r="W2" s="5"/>
      <c r="X2" s="94"/>
      <c r="Y2" s="94"/>
      <c r="Z2" s="94"/>
      <c r="AA2" s="8" t="s">
        <v>2</v>
      </c>
      <c r="AE2" s="3"/>
      <c r="AF2" s="5"/>
      <c r="AG2" s="5"/>
      <c r="AH2" s="5"/>
      <c r="AI2" s="5"/>
      <c r="AJ2" s="5"/>
      <c r="AK2" s="5"/>
      <c r="AL2" s="5"/>
      <c r="AM2" s="5"/>
      <c r="AN2" s="8" t="s">
        <v>3</v>
      </c>
      <c r="AR2" s="3"/>
      <c r="AS2" s="5"/>
      <c r="AT2" s="5"/>
      <c r="AU2" s="5"/>
      <c r="AV2" s="5"/>
      <c r="AW2" s="5"/>
      <c r="AX2" s="94"/>
      <c r="AY2" s="94"/>
      <c r="AZ2" s="94"/>
    </row>
    <row r="3" spans="1:52" ht="3" customHeight="1">
      <c r="D3" s="2"/>
      <c r="E3" s="2"/>
      <c r="F3" s="2"/>
      <c r="G3" s="2"/>
      <c r="H3" s="2"/>
      <c r="I3" s="2"/>
      <c r="J3" s="9"/>
      <c r="K3" s="2"/>
      <c r="Q3" s="2"/>
      <c r="R3" s="2"/>
      <c r="S3" s="2"/>
      <c r="T3" s="2"/>
      <c r="U3" s="2"/>
      <c r="V3" s="2"/>
      <c r="W3" s="9"/>
      <c r="X3" s="2"/>
      <c r="AD3" s="2"/>
      <c r="AE3" s="2"/>
      <c r="AF3" s="2"/>
      <c r="AG3" s="2"/>
      <c r="AH3" s="2"/>
      <c r="AI3" s="2"/>
      <c r="AJ3" s="9"/>
      <c r="AK3" s="2"/>
      <c r="AQ3" s="2"/>
      <c r="AR3" s="2"/>
      <c r="AS3" s="2"/>
      <c r="AT3" s="2"/>
      <c r="AU3" s="2"/>
      <c r="AV3" s="2"/>
      <c r="AW3" s="9"/>
      <c r="AX3" s="2"/>
    </row>
    <row r="4" spans="1:52" s="15" customFormat="1" ht="10.050000000000001" customHeight="1">
      <c r="A4" s="10"/>
      <c r="B4" s="11"/>
      <c r="C4" s="11"/>
      <c r="D4" s="12"/>
      <c r="E4" s="202" t="s">
        <v>4</v>
      </c>
      <c r="F4" s="195"/>
      <c r="G4" s="200"/>
      <c r="H4" s="195" t="s">
        <v>5</v>
      </c>
      <c r="I4" s="195"/>
      <c r="J4" s="196"/>
      <c r="K4" s="194" t="s">
        <v>6</v>
      </c>
      <c r="L4" s="195"/>
      <c r="M4" s="200"/>
      <c r="N4" s="10"/>
      <c r="O4" s="11"/>
      <c r="P4" s="11"/>
      <c r="Q4" s="12"/>
      <c r="R4" s="202" t="s">
        <v>4</v>
      </c>
      <c r="S4" s="195"/>
      <c r="T4" s="196"/>
      <c r="U4" s="194" t="s">
        <v>5</v>
      </c>
      <c r="V4" s="195"/>
      <c r="W4" s="200"/>
      <c r="X4" s="202" t="s">
        <v>6</v>
      </c>
      <c r="Y4" s="195"/>
      <c r="Z4" s="200"/>
      <c r="AA4" s="10"/>
      <c r="AB4" s="11"/>
      <c r="AC4" s="11"/>
      <c r="AD4" s="13"/>
      <c r="AE4" s="194" t="s">
        <v>4</v>
      </c>
      <c r="AF4" s="195"/>
      <c r="AG4" s="196"/>
      <c r="AH4" s="194" t="s">
        <v>5</v>
      </c>
      <c r="AI4" s="195"/>
      <c r="AJ4" s="196"/>
      <c r="AK4" s="194" t="s">
        <v>6</v>
      </c>
      <c r="AL4" s="195"/>
      <c r="AM4" s="196"/>
      <c r="AN4" s="14"/>
      <c r="AO4" s="11"/>
      <c r="AP4" s="11"/>
      <c r="AQ4" s="13"/>
      <c r="AR4" s="194" t="s">
        <v>4</v>
      </c>
      <c r="AS4" s="195"/>
      <c r="AT4" s="196"/>
      <c r="AU4" s="194" t="s">
        <v>5</v>
      </c>
      <c r="AV4" s="195"/>
      <c r="AW4" s="196"/>
      <c r="AX4" s="194" t="s">
        <v>7</v>
      </c>
      <c r="AY4" s="195"/>
      <c r="AZ4" s="200"/>
    </row>
    <row r="5" spans="1:52" s="15" customFormat="1" ht="10.050000000000001" customHeight="1">
      <c r="A5" s="16"/>
      <c r="B5" s="135"/>
      <c r="C5" s="135"/>
      <c r="D5" s="192" t="s">
        <v>8</v>
      </c>
      <c r="E5" s="203"/>
      <c r="F5" s="204"/>
      <c r="G5" s="205"/>
      <c r="H5" s="204"/>
      <c r="I5" s="204"/>
      <c r="J5" s="206"/>
      <c r="K5" s="207"/>
      <c r="L5" s="204"/>
      <c r="M5" s="205"/>
      <c r="N5" s="16"/>
      <c r="O5" s="135"/>
      <c r="P5" s="135"/>
      <c r="Q5" s="192" t="s">
        <v>8</v>
      </c>
      <c r="R5" s="203"/>
      <c r="S5" s="204"/>
      <c r="T5" s="206"/>
      <c r="U5" s="207"/>
      <c r="V5" s="204"/>
      <c r="W5" s="205"/>
      <c r="X5" s="208"/>
      <c r="Y5" s="198"/>
      <c r="Z5" s="201"/>
      <c r="AA5" s="16"/>
      <c r="AB5" s="135"/>
      <c r="AC5" s="135"/>
      <c r="AD5" s="193" t="s">
        <v>9</v>
      </c>
      <c r="AE5" s="197"/>
      <c r="AF5" s="198"/>
      <c r="AG5" s="199"/>
      <c r="AH5" s="197"/>
      <c r="AI5" s="198"/>
      <c r="AJ5" s="199"/>
      <c r="AK5" s="197"/>
      <c r="AL5" s="198"/>
      <c r="AM5" s="199"/>
      <c r="AN5" s="136"/>
      <c r="AO5" s="135"/>
      <c r="AP5" s="135"/>
      <c r="AQ5" s="193" t="s">
        <v>9</v>
      </c>
      <c r="AR5" s="197"/>
      <c r="AS5" s="198"/>
      <c r="AT5" s="199"/>
      <c r="AU5" s="197"/>
      <c r="AV5" s="198"/>
      <c r="AW5" s="199"/>
      <c r="AX5" s="197"/>
      <c r="AY5" s="198"/>
      <c r="AZ5" s="201"/>
    </row>
    <row r="6" spans="1:52" s="15" customFormat="1" ht="9" customHeight="1">
      <c r="A6" s="16"/>
      <c r="B6" s="135"/>
      <c r="C6" s="135"/>
      <c r="D6" s="192"/>
      <c r="E6" s="189" t="s">
        <v>10</v>
      </c>
      <c r="F6" s="189" t="s">
        <v>11</v>
      </c>
      <c r="G6" s="189" t="s">
        <v>12</v>
      </c>
      <c r="H6" s="189" t="s">
        <v>10</v>
      </c>
      <c r="I6" s="189" t="s">
        <v>11</v>
      </c>
      <c r="J6" s="189" t="s">
        <v>13</v>
      </c>
      <c r="K6" s="191" t="s">
        <v>14</v>
      </c>
      <c r="L6" s="191" t="s">
        <v>15</v>
      </c>
      <c r="M6" s="191" t="s">
        <v>16</v>
      </c>
      <c r="N6" s="16"/>
      <c r="O6" s="135"/>
      <c r="P6" s="135"/>
      <c r="Q6" s="192"/>
      <c r="R6" s="188" t="s">
        <v>17</v>
      </c>
      <c r="S6" s="188" t="s">
        <v>18</v>
      </c>
      <c r="T6" s="188" t="s">
        <v>12</v>
      </c>
      <c r="U6" s="188" t="s">
        <v>17</v>
      </c>
      <c r="V6" s="188" t="s">
        <v>11</v>
      </c>
      <c r="W6" s="188" t="s">
        <v>12</v>
      </c>
      <c r="X6" s="190" t="s">
        <v>14</v>
      </c>
      <c r="Y6" s="190" t="s">
        <v>15</v>
      </c>
      <c r="Z6" s="190" t="s">
        <v>16</v>
      </c>
      <c r="AA6" s="16"/>
      <c r="AB6" s="135"/>
      <c r="AC6" s="135"/>
      <c r="AD6" s="193"/>
      <c r="AE6" s="182" t="s">
        <v>10</v>
      </c>
      <c r="AF6" s="182" t="s">
        <v>11</v>
      </c>
      <c r="AG6" s="182" t="s">
        <v>12</v>
      </c>
      <c r="AH6" s="182" t="s">
        <v>17</v>
      </c>
      <c r="AI6" s="182" t="s">
        <v>11</v>
      </c>
      <c r="AJ6" s="182" t="s">
        <v>12</v>
      </c>
      <c r="AK6" s="186" t="s">
        <v>14</v>
      </c>
      <c r="AL6" s="186" t="s">
        <v>15</v>
      </c>
      <c r="AM6" s="186" t="s">
        <v>16</v>
      </c>
      <c r="AN6" s="136"/>
      <c r="AO6" s="135"/>
      <c r="AP6" s="135"/>
      <c r="AQ6" s="193"/>
      <c r="AR6" s="182" t="s">
        <v>17</v>
      </c>
      <c r="AS6" s="182" t="s">
        <v>19</v>
      </c>
      <c r="AT6" s="182" t="s">
        <v>13</v>
      </c>
      <c r="AU6" s="182" t="s">
        <v>10</v>
      </c>
      <c r="AV6" s="182" t="s">
        <v>11</v>
      </c>
      <c r="AW6" s="182" t="s">
        <v>12</v>
      </c>
      <c r="AX6" s="186" t="s">
        <v>14</v>
      </c>
      <c r="AY6" s="186" t="s">
        <v>15</v>
      </c>
      <c r="AZ6" s="184" t="s">
        <v>16</v>
      </c>
    </row>
    <row r="7" spans="1:52" s="15" customFormat="1" ht="9" customHeight="1">
      <c r="A7" s="179" t="s">
        <v>20</v>
      </c>
      <c r="B7" s="180"/>
      <c r="C7" s="180"/>
      <c r="D7" s="17"/>
      <c r="E7" s="189"/>
      <c r="F7" s="189"/>
      <c r="G7" s="189"/>
      <c r="H7" s="189"/>
      <c r="I7" s="189"/>
      <c r="J7" s="189"/>
      <c r="K7" s="191"/>
      <c r="L7" s="191"/>
      <c r="M7" s="191"/>
      <c r="N7" s="179" t="s">
        <v>20</v>
      </c>
      <c r="O7" s="180"/>
      <c r="P7" s="180"/>
      <c r="Q7" s="17"/>
      <c r="R7" s="189"/>
      <c r="S7" s="189"/>
      <c r="T7" s="189"/>
      <c r="U7" s="189"/>
      <c r="V7" s="189"/>
      <c r="W7" s="189"/>
      <c r="X7" s="191"/>
      <c r="Y7" s="191"/>
      <c r="Z7" s="191"/>
      <c r="AA7" s="179" t="s">
        <v>20</v>
      </c>
      <c r="AB7" s="180"/>
      <c r="AC7" s="180"/>
      <c r="AD7" s="18"/>
      <c r="AE7" s="183"/>
      <c r="AF7" s="183"/>
      <c r="AG7" s="183"/>
      <c r="AH7" s="183"/>
      <c r="AI7" s="183"/>
      <c r="AJ7" s="183"/>
      <c r="AK7" s="187"/>
      <c r="AL7" s="187"/>
      <c r="AM7" s="187"/>
      <c r="AN7" s="181" t="s">
        <v>20</v>
      </c>
      <c r="AO7" s="180"/>
      <c r="AP7" s="180"/>
      <c r="AQ7" s="18"/>
      <c r="AR7" s="183"/>
      <c r="AS7" s="183"/>
      <c r="AT7" s="183"/>
      <c r="AU7" s="183"/>
      <c r="AV7" s="183"/>
      <c r="AW7" s="183"/>
      <c r="AX7" s="187"/>
      <c r="AY7" s="187"/>
      <c r="AZ7" s="185"/>
    </row>
    <row r="8" spans="1:52" s="15" customFormat="1" ht="9" customHeight="1">
      <c r="A8" s="179"/>
      <c r="B8" s="180"/>
      <c r="C8" s="180"/>
      <c r="D8" s="19"/>
      <c r="E8" s="177" t="s">
        <v>21</v>
      </c>
      <c r="F8" s="177" t="s">
        <v>22</v>
      </c>
      <c r="G8" s="177" t="s">
        <v>23</v>
      </c>
      <c r="H8" s="177" t="s">
        <v>24</v>
      </c>
      <c r="I8" s="177" t="s">
        <v>25</v>
      </c>
      <c r="J8" s="177" t="s">
        <v>26</v>
      </c>
      <c r="K8" s="177" t="s">
        <v>27</v>
      </c>
      <c r="L8" s="177" t="s">
        <v>28</v>
      </c>
      <c r="M8" s="177" t="s">
        <v>28</v>
      </c>
      <c r="N8" s="179"/>
      <c r="O8" s="180"/>
      <c r="P8" s="180"/>
      <c r="Q8" s="19"/>
      <c r="R8" s="177" t="s">
        <v>21</v>
      </c>
      <c r="S8" s="177" t="s">
        <v>22</v>
      </c>
      <c r="T8" s="177" t="s">
        <v>29</v>
      </c>
      <c r="U8" s="177" t="s">
        <v>24</v>
      </c>
      <c r="V8" s="177" t="s">
        <v>25</v>
      </c>
      <c r="W8" s="177" t="s">
        <v>26</v>
      </c>
      <c r="X8" s="177" t="s">
        <v>28</v>
      </c>
      <c r="Y8" s="177" t="s">
        <v>28</v>
      </c>
      <c r="Z8" s="177" t="s">
        <v>28</v>
      </c>
      <c r="AA8" s="179"/>
      <c r="AB8" s="180"/>
      <c r="AC8" s="180"/>
      <c r="AD8" s="20"/>
      <c r="AE8" s="175" t="s">
        <v>21</v>
      </c>
      <c r="AF8" s="175" t="s">
        <v>22</v>
      </c>
      <c r="AG8" s="175" t="s">
        <v>29</v>
      </c>
      <c r="AH8" s="175" t="s">
        <v>24</v>
      </c>
      <c r="AI8" s="175" t="s">
        <v>30</v>
      </c>
      <c r="AJ8" s="175" t="s">
        <v>26</v>
      </c>
      <c r="AK8" s="175" t="s">
        <v>27</v>
      </c>
      <c r="AL8" s="175" t="s">
        <v>27</v>
      </c>
      <c r="AM8" s="175" t="s">
        <v>27</v>
      </c>
      <c r="AN8" s="181"/>
      <c r="AO8" s="180"/>
      <c r="AP8" s="180"/>
      <c r="AQ8" s="20"/>
      <c r="AR8" s="175" t="s">
        <v>31</v>
      </c>
      <c r="AS8" s="175" t="s">
        <v>32</v>
      </c>
      <c r="AT8" s="175" t="s">
        <v>29</v>
      </c>
      <c r="AU8" s="175" t="s">
        <v>24</v>
      </c>
      <c r="AV8" s="175" t="s">
        <v>33</v>
      </c>
      <c r="AW8" s="175" t="s">
        <v>26</v>
      </c>
      <c r="AX8" s="175" t="s">
        <v>27</v>
      </c>
      <c r="AY8" s="175" t="s">
        <v>28</v>
      </c>
      <c r="AZ8" s="173" t="s">
        <v>27</v>
      </c>
    </row>
    <row r="9" spans="1:52" s="15" customFormat="1" ht="9" customHeight="1">
      <c r="A9" s="21"/>
      <c r="B9" s="22"/>
      <c r="C9" s="22"/>
      <c r="D9" s="23"/>
      <c r="E9" s="178"/>
      <c r="F9" s="178"/>
      <c r="G9" s="178"/>
      <c r="H9" s="178"/>
      <c r="I9" s="178"/>
      <c r="J9" s="178"/>
      <c r="K9" s="177"/>
      <c r="L9" s="177"/>
      <c r="M9" s="177"/>
      <c r="N9" s="21"/>
      <c r="O9" s="22"/>
      <c r="P9" s="22"/>
      <c r="Q9" s="23"/>
      <c r="R9" s="178"/>
      <c r="S9" s="178"/>
      <c r="T9" s="178"/>
      <c r="U9" s="178"/>
      <c r="V9" s="178"/>
      <c r="W9" s="178"/>
      <c r="X9" s="178"/>
      <c r="Y9" s="178"/>
      <c r="Z9" s="178"/>
      <c r="AA9" s="21"/>
      <c r="AB9" s="22"/>
      <c r="AC9" s="22"/>
      <c r="AD9" s="24"/>
      <c r="AE9" s="176"/>
      <c r="AF9" s="176"/>
      <c r="AG9" s="176"/>
      <c r="AH9" s="176"/>
      <c r="AI9" s="176"/>
      <c r="AJ9" s="176"/>
      <c r="AK9" s="176"/>
      <c r="AL9" s="176"/>
      <c r="AM9" s="176"/>
      <c r="AN9" s="25"/>
      <c r="AO9" s="22"/>
      <c r="AP9" s="22"/>
      <c r="AQ9" s="24"/>
      <c r="AR9" s="176"/>
      <c r="AS9" s="176"/>
      <c r="AT9" s="176"/>
      <c r="AU9" s="176"/>
      <c r="AV9" s="176"/>
      <c r="AW9" s="176"/>
      <c r="AX9" s="176"/>
      <c r="AY9" s="176"/>
      <c r="AZ9" s="174"/>
    </row>
    <row r="10" spans="1:52" s="15" customFormat="1" ht="11.1" customHeight="1">
      <c r="A10" s="26" t="s">
        <v>34</v>
      </c>
      <c r="B10" s="27"/>
      <c r="C10" s="27"/>
      <c r="D10" s="27"/>
      <c r="E10" s="137">
        <v>1765024471</v>
      </c>
      <c r="F10" s="137">
        <v>21241165</v>
      </c>
      <c r="G10" s="137">
        <v>1787055851</v>
      </c>
      <c r="H10" s="137">
        <v>1755664278</v>
      </c>
      <c r="I10" s="137">
        <v>7248385</v>
      </c>
      <c r="J10" s="137">
        <v>1763702878</v>
      </c>
      <c r="K10" s="102">
        <v>99.5</v>
      </c>
      <c r="L10" s="102">
        <v>34.1</v>
      </c>
      <c r="M10" s="102">
        <v>98.7</v>
      </c>
      <c r="N10" s="26" t="s">
        <v>35</v>
      </c>
      <c r="O10" s="27"/>
      <c r="P10" s="27"/>
      <c r="Q10" s="27"/>
      <c r="R10" s="146">
        <v>1250839231</v>
      </c>
      <c r="S10" s="146">
        <v>8570609</v>
      </c>
      <c r="T10" s="146">
        <v>1259794016</v>
      </c>
      <c r="U10" s="146">
        <v>1245519682</v>
      </c>
      <c r="V10" s="146">
        <v>3953921</v>
      </c>
      <c r="W10" s="146">
        <v>1249857779</v>
      </c>
      <c r="X10" s="102">
        <v>99.6</v>
      </c>
      <c r="Y10" s="102">
        <v>46.1</v>
      </c>
      <c r="Z10" s="102">
        <v>99.2</v>
      </c>
      <c r="AA10" s="26" t="s">
        <v>34</v>
      </c>
      <c r="AB10" s="27"/>
      <c r="AC10" s="27"/>
      <c r="AD10" s="28"/>
      <c r="AE10" s="152">
        <v>461598141</v>
      </c>
      <c r="AF10" s="152">
        <v>11254405</v>
      </c>
      <c r="AG10" s="152">
        <v>473189472</v>
      </c>
      <c r="AH10" s="152">
        <v>457965608</v>
      </c>
      <c r="AI10" s="152">
        <v>2953479</v>
      </c>
      <c r="AJ10" s="152">
        <v>461256013</v>
      </c>
      <c r="AK10" s="102">
        <v>99.2</v>
      </c>
      <c r="AL10" s="102">
        <v>26.2</v>
      </c>
      <c r="AM10" s="102">
        <v>97.5</v>
      </c>
      <c r="AN10" s="29" t="s">
        <v>35</v>
      </c>
      <c r="AO10" s="27"/>
      <c r="AP10" s="27"/>
      <c r="AQ10" s="28"/>
      <c r="AR10" s="152">
        <v>52587099</v>
      </c>
      <c r="AS10" s="152">
        <v>1416151</v>
      </c>
      <c r="AT10" s="152">
        <v>54072363</v>
      </c>
      <c r="AU10" s="152">
        <v>52178988</v>
      </c>
      <c r="AV10" s="152">
        <v>340985</v>
      </c>
      <c r="AW10" s="152">
        <v>52589086</v>
      </c>
      <c r="AX10" s="102">
        <v>99.2</v>
      </c>
      <c r="AY10" s="102">
        <v>24.1</v>
      </c>
      <c r="AZ10" s="102">
        <v>97.3</v>
      </c>
    </row>
    <row r="11" spans="1:52" s="15" customFormat="1" ht="11.1" customHeight="1">
      <c r="A11" s="30"/>
      <c r="B11" s="31" t="s">
        <v>36</v>
      </c>
      <c r="C11" s="32"/>
      <c r="D11" s="32"/>
      <c r="E11" s="137">
        <v>1765024471</v>
      </c>
      <c r="F11" s="137">
        <v>21241165</v>
      </c>
      <c r="G11" s="137">
        <v>1787055851</v>
      </c>
      <c r="H11" s="137">
        <v>1755664278</v>
      </c>
      <c r="I11" s="137">
        <v>7248385</v>
      </c>
      <c r="J11" s="137">
        <v>1763702878</v>
      </c>
      <c r="K11" s="102">
        <v>99.5</v>
      </c>
      <c r="L11" s="102">
        <v>34.1</v>
      </c>
      <c r="M11" s="102">
        <v>98.7</v>
      </c>
      <c r="N11" s="33"/>
      <c r="O11" s="19" t="s">
        <v>36</v>
      </c>
      <c r="P11" s="27"/>
      <c r="Q11" s="27"/>
      <c r="R11" s="146">
        <v>1250839231</v>
      </c>
      <c r="S11" s="146">
        <v>8570609</v>
      </c>
      <c r="T11" s="146">
        <v>1259794016</v>
      </c>
      <c r="U11" s="146">
        <v>1245519682</v>
      </c>
      <c r="V11" s="146">
        <v>3953921</v>
      </c>
      <c r="W11" s="146">
        <v>1249857779</v>
      </c>
      <c r="X11" s="102">
        <v>99.6</v>
      </c>
      <c r="Y11" s="102">
        <v>46.1</v>
      </c>
      <c r="Z11" s="102">
        <v>99.2</v>
      </c>
      <c r="AA11" s="33"/>
      <c r="AB11" s="19" t="s">
        <v>37</v>
      </c>
      <c r="AC11" s="27"/>
      <c r="AD11" s="28"/>
      <c r="AE11" s="152">
        <v>461598141</v>
      </c>
      <c r="AF11" s="152">
        <v>11254405</v>
      </c>
      <c r="AG11" s="152">
        <v>473189472</v>
      </c>
      <c r="AH11" s="152">
        <v>457965608</v>
      </c>
      <c r="AI11" s="152">
        <v>2953479</v>
      </c>
      <c r="AJ11" s="152">
        <v>461256013</v>
      </c>
      <c r="AK11" s="102">
        <v>99.2</v>
      </c>
      <c r="AL11" s="102">
        <v>26.2</v>
      </c>
      <c r="AM11" s="102">
        <v>97.5</v>
      </c>
      <c r="AN11" s="34"/>
      <c r="AO11" s="19" t="s">
        <v>36</v>
      </c>
      <c r="AP11" s="27"/>
      <c r="AQ11" s="28"/>
      <c r="AR11" s="152">
        <v>52587099</v>
      </c>
      <c r="AS11" s="152">
        <v>1416151</v>
      </c>
      <c r="AT11" s="152">
        <v>54072363</v>
      </c>
      <c r="AU11" s="152">
        <v>52178988</v>
      </c>
      <c r="AV11" s="152">
        <v>340985</v>
      </c>
      <c r="AW11" s="152">
        <v>52589086</v>
      </c>
      <c r="AX11" s="102">
        <v>99.2</v>
      </c>
      <c r="AY11" s="102">
        <v>24.1</v>
      </c>
      <c r="AZ11" s="102">
        <v>97.3</v>
      </c>
    </row>
    <row r="12" spans="1:52" s="15" customFormat="1" ht="11.1" customHeight="1">
      <c r="A12" s="30"/>
      <c r="B12" s="135"/>
      <c r="C12" s="35" t="s">
        <v>38</v>
      </c>
      <c r="D12" s="36"/>
      <c r="E12" s="138">
        <v>993979688</v>
      </c>
      <c r="F12" s="138">
        <v>14669129</v>
      </c>
      <c r="G12" s="138">
        <v>1008648817</v>
      </c>
      <c r="H12" s="138">
        <v>986998325</v>
      </c>
      <c r="I12" s="138">
        <v>4990951</v>
      </c>
      <c r="J12" s="138">
        <v>991989276</v>
      </c>
      <c r="K12" s="103">
        <v>99.3</v>
      </c>
      <c r="L12" s="103">
        <v>34</v>
      </c>
      <c r="M12" s="103">
        <v>98.3</v>
      </c>
      <c r="N12" s="33"/>
      <c r="O12" s="34"/>
      <c r="P12" s="19" t="s">
        <v>39</v>
      </c>
      <c r="Q12" s="135"/>
      <c r="R12" s="138">
        <v>741762922</v>
      </c>
      <c r="S12" s="138">
        <v>6754794</v>
      </c>
      <c r="T12" s="138">
        <v>748517716</v>
      </c>
      <c r="U12" s="138">
        <v>737439113</v>
      </c>
      <c r="V12" s="138">
        <v>2999365</v>
      </c>
      <c r="W12" s="138">
        <v>740438478</v>
      </c>
      <c r="X12" s="103">
        <v>99.4</v>
      </c>
      <c r="Y12" s="103">
        <v>44.4</v>
      </c>
      <c r="Z12" s="103">
        <v>98.9</v>
      </c>
      <c r="AA12" s="33"/>
      <c r="AB12" s="34"/>
      <c r="AC12" s="19" t="s">
        <v>39</v>
      </c>
      <c r="AD12" s="37"/>
      <c r="AE12" s="153">
        <v>231231469</v>
      </c>
      <c r="AF12" s="153">
        <v>7274549</v>
      </c>
      <c r="AG12" s="153">
        <v>238506018</v>
      </c>
      <c r="AH12" s="153">
        <v>228774113</v>
      </c>
      <c r="AI12" s="153">
        <v>1830097</v>
      </c>
      <c r="AJ12" s="153">
        <v>230604210</v>
      </c>
      <c r="AK12" s="103">
        <v>98.9</v>
      </c>
      <c r="AL12" s="103">
        <v>25.2</v>
      </c>
      <c r="AM12" s="103">
        <v>96.7</v>
      </c>
      <c r="AN12" s="34"/>
      <c r="AO12" s="34"/>
      <c r="AP12" s="19" t="s">
        <v>38</v>
      </c>
      <c r="AQ12" s="37"/>
      <c r="AR12" s="153">
        <v>20985297</v>
      </c>
      <c r="AS12" s="153">
        <v>639786</v>
      </c>
      <c r="AT12" s="153">
        <v>21625083</v>
      </c>
      <c r="AU12" s="153">
        <v>20785099</v>
      </c>
      <c r="AV12" s="153">
        <v>161489</v>
      </c>
      <c r="AW12" s="153">
        <v>20946588</v>
      </c>
      <c r="AX12" s="103">
        <v>99</v>
      </c>
      <c r="AY12" s="103">
        <v>25.2</v>
      </c>
      <c r="AZ12" s="103">
        <v>96.9</v>
      </c>
    </row>
    <row r="13" spans="1:52" s="15" customFormat="1" ht="11.1" customHeight="1">
      <c r="A13" s="30"/>
      <c r="B13" s="135"/>
      <c r="C13" s="134"/>
      <c r="D13" s="38" t="s">
        <v>40</v>
      </c>
      <c r="E13" s="138">
        <v>19022612</v>
      </c>
      <c r="F13" s="138">
        <v>345058</v>
      </c>
      <c r="G13" s="138">
        <v>19367670</v>
      </c>
      <c r="H13" s="138">
        <v>18871316</v>
      </c>
      <c r="I13" s="138">
        <v>114570</v>
      </c>
      <c r="J13" s="138">
        <v>18985886</v>
      </c>
      <c r="K13" s="104">
        <v>99.2</v>
      </c>
      <c r="L13" s="104">
        <v>33.200000000000003</v>
      </c>
      <c r="M13" s="104">
        <v>98</v>
      </c>
      <c r="N13" s="33"/>
      <c r="O13" s="34"/>
      <c r="P13" s="135"/>
      <c r="Q13" s="19" t="s">
        <v>41</v>
      </c>
      <c r="R13" s="138">
        <v>13187719</v>
      </c>
      <c r="S13" s="138">
        <v>140515</v>
      </c>
      <c r="T13" s="138">
        <v>13328234</v>
      </c>
      <c r="U13" s="138">
        <v>13105929</v>
      </c>
      <c r="V13" s="138">
        <v>62829</v>
      </c>
      <c r="W13" s="138">
        <v>13168758</v>
      </c>
      <c r="X13" s="104">
        <v>99.4</v>
      </c>
      <c r="Y13" s="104">
        <v>44.7</v>
      </c>
      <c r="Z13" s="104">
        <v>98.8</v>
      </c>
      <c r="AA13" s="33"/>
      <c r="AB13" s="34"/>
      <c r="AC13" s="135"/>
      <c r="AD13" s="20" t="s">
        <v>42</v>
      </c>
      <c r="AE13" s="153">
        <v>5272427</v>
      </c>
      <c r="AF13" s="153">
        <v>183073</v>
      </c>
      <c r="AG13" s="153">
        <v>5455500</v>
      </c>
      <c r="AH13" s="153">
        <v>5209428</v>
      </c>
      <c r="AI13" s="153">
        <v>46501</v>
      </c>
      <c r="AJ13" s="153">
        <v>5255929</v>
      </c>
      <c r="AK13" s="104">
        <v>98.8</v>
      </c>
      <c r="AL13" s="104">
        <v>25.4</v>
      </c>
      <c r="AM13" s="104">
        <v>96.3</v>
      </c>
      <c r="AN13" s="34"/>
      <c r="AO13" s="34"/>
      <c r="AP13" s="135"/>
      <c r="AQ13" s="20" t="s">
        <v>42</v>
      </c>
      <c r="AR13" s="153">
        <v>562466</v>
      </c>
      <c r="AS13" s="153">
        <v>21470</v>
      </c>
      <c r="AT13" s="153">
        <v>583936</v>
      </c>
      <c r="AU13" s="153">
        <v>555959</v>
      </c>
      <c r="AV13" s="153">
        <v>5240</v>
      </c>
      <c r="AW13" s="153">
        <v>561199</v>
      </c>
      <c r="AX13" s="104">
        <v>98.8</v>
      </c>
      <c r="AY13" s="104">
        <v>24.4</v>
      </c>
      <c r="AZ13" s="104">
        <v>96.1</v>
      </c>
    </row>
    <row r="14" spans="1:52" s="15" customFormat="1" ht="11.1" customHeight="1">
      <c r="A14" s="30"/>
      <c r="B14" s="135"/>
      <c r="C14" s="134"/>
      <c r="D14" s="38" t="s">
        <v>43</v>
      </c>
      <c r="E14" s="138">
        <v>868164520</v>
      </c>
      <c r="F14" s="138">
        <v>13634015</v>
      </c>
      <c r="G14" s="138">
        <v>881798535</v>
      </c>
      <c r="H14" s="138">
        <v>861522188</v>
      </c>
      <c r="I14" s="138">
        <v>4688005</v>
      </c>
      <c r="J14" s="138">
        <v>866210193</v>
      </c>
      <c r="K14" s="104">
        <v>99.2</v>
      </c>
      <c r="L14" s="104">
        <v>34.4</v>
      </c>
      <c r="M14" s="104">
        <v>98.2</v>
      </c>
      <c r="N14" s="33"/>
      <c r="O14" s="34"/>
      <c r="P14" s="135"/>
      <c r="Q14" s="19" t="s">
        <v>43</v>
      </c>
      <c r="R14" s="138">
        <v>654161940</v>
      </c>
      <c r="S14" s="138">
        <v>6353307</v>
      </c>
      <c r="T14" s="138">
        <v>660515247</v>
      </c>
      <c r="U14" s="138">
        <v>650039647</v>
      </c>
      <c r="V14" s="138">
        <v>2834517</v>
      </c>
      <c r="W14" s="138">
        <v>652874164</v>
      </c>
      <c r="X14" s="104">
        <v>99.4</v>
      </c>
      <c r="Y14" s="104">
        <v>44.6</v>
      </c>
      <c r="Z14" s="104">
        <v>98.8</v>
      </c>
      <c r="AA14" s="33"/>
      <c r="AB14" s="34"/>
      <c r="AC14" s="135"/>
      <c r="AD14" s="20" t="s">
        <v>43</v>
      </c>
      <c r="AE14" s="153">
        <v>196710897</v>
      </c>
      <c r="AF14" s="153">
        <v>6683697</v>
      </c>
      <c r="AG14" s="153">
        <v>203394594</v>
      </c>
      <c r="AH14" s="153">
        <v>194376604</v>
      </c>
      <c r="AI14" s="153">
        <v>1702995</v>
      </c>
      <c r="AJ14" s="153">
        <v>196079599</v>
      </c>
      <c r="AK14" s="104">
        <v>98.8</v>
      </c>
      <c r="AL14" s="104">
        <v>25.5</v>
      </c>
      <c r="AM14" s="104">
        <v>96.4</v>
      </c>
      <c r="AN14" s="34"/>
      <c r="AO14" s="34"/>
      <c r="AP14" s="135"/>
      <c r="AQ14" s="20" t="s">
        <v>43</v>
      </c>
      <c r="AR14" s="153">
        <v>17291683</v>
      </c>
      <c r="AS14" s="153">
        <v>597011</v>
      </c>
      <c r="AT14" s="153">
        <v>17888694</v>
      </c>
      <c r="AU14" s="153">
        <v>17105937</v>
      </c>
      <c r="AV14" s="153">
        <v>150493</v>
      </c>
      <c r="AW14" s="153">
        <v>17256430</v>
      </c>
      <c r="AX14" s="104">
        <v>98.9</v>
      </c>
      <c r="AY14" s="104">
        <v>25.2</v>
      </c>
      <c r="AZ14" s="104">
        <v>96.5</v>
      </c>
    </row>
    <row r="15" spans="1:52" s="15" customFormat="1" ht="11.1" customHeight="1">
      <c r="A15" s="30"/>
      <c r="B15" s="135"/>
      <c r="C15" s="134"/>
      <c r="D15" s="38" t="s">
        <v>44</v>
      </c>
      <c r="E15" s="138">
        <v>7022934</v>
      </c>
      <c r="F15" s="138">
        <v>0</v>
      </c>
      <c r="G15" s="138">
        <v>7022934</v>
      </c>
      <c r="H15" s="138">
        <v>7022934</v>
      </c>
      <c r="I15" s="138">
        <v>0</v>
      </c>
      <c r="J15" s="138">
        <v>7022934</v>
      </c>
      <c r="K15" s="104">
        <v>100</v>
      </c>
      <c r="L15" s="104">
        <v>0</v>
      </c>
      <c r="M15" s="104">
        <v>100</v>
      </c>
      <c r="N15" s="33"/>
      <c r="O15" s="34"/>
      <c r="P15" s="135"/>
      <c r="Q15" s="19" t="s">
        <v>45</v>
      </c>
      <c r="R15" s="138">
        <v>5081122</v>
      </c>
      <c r="S15" s="138">
        <v>0</v>
      </c>
      <c r="T15" s="138">
        <v>5081122</v>
      </c>
      <c r="U15" s="138">
        <v>5081122</v>
      </c>
      <c r="V15" s="138">
        <v>0</v>
      </c>
      <c r="W15" s="138">
        <v>5081122</v>
      </c>
      <c r="X15" s="104">
        <v>100</v>
      </c>
      <c r="Y15" s="110">
        <v>0</v>
      </c>
      <c r="Z15" s="104">
        <v>100</v>
      </c>
      <c r="AA15" s="33"/>
      <c r="AB15" s="34"/>
      <c r="AC15" s="135"/>
      <c r="AD15" s="20" t="s">
        <v>46</v>
      </c>
      <c r="AE15" s="153">
        <v>1771145</v>
      </c>
      <c r="AF15" s="153">
        <v>0</v>
      </c>
      <c r="AG15" s="153">
        <v>1771145</v>
      </c>
      <c r="AH15" s="153">
        <v>1771145</v>
      </c>
      <c r="AI15" s="153">
        <v>0</v>
      </c>
      <c r="AJ15" s="153">
        <v>1771145</v>
      </c>
      <c r="AK15" s="104">
        <v>100</v>
      </c>
      <c r="AL15" s="110">
        <v>0</v>
      </c>
      <c r="AM15" s="104">
        <v>100</v>
      </c>
      <c r="AN15" s="34"/>
      <c r="AO15" s="34"/>
      <c r="AP15" s="135"/>
      <c r="AQ15" s="20" t="s">
        <v>45</v>
      </c>
      <c r="AR15" s="153">
        <v>170667</v>
      </c>
      <c r="AS15" s="153">
        <v>0</v>
      </c>
      <c r="AT15" s="153">
        <v>170667</v>
      </c>
      <c r="AU15" s="153">
        <v>170667</v>
      </c>
      <c r="AV15" s="153">
        <v>0</v>
      </c>
      <c r="AW15" s="153">
        <v>170667</v>
      </c>
      <c r="AX15" s="104">
        <v>100</v>
      </c>
      <c r="AY15" s="110">
        <v>0</v>
      </c>
      <c r="AZ15" s="104">
        <v>100</v>
      </c>
    </row>
    <row r="16" spans="1:52" s="15" customFormat="1" ht="11.1" customHeight="1">
      <c r="A16" s="30"/>
      <c r="B16" s="135"/>
      <c r="C16" s="134"/>
      <c r="D16" s="38" t="s">
        <v>47</v>
      </c>
      <c r="E16" s="138">
        <v>29329143</v>
      </c>
      <c r="F16" s="138">
        <v>213919</v>
      </c>
      <c r="G16" s="138">
        <v>29543062</v>
      </c>
      <c r="H16" s="138">
        <v>29267279</v>
      </c>
      <c r="I16" s="138">
        <v>56416</v>
      </c>
      <c r="J16" s="138">
        <v>29323695</v>
      </c>
      <c r="K16" s="104">
        <v>99.8</v>
      </c>
      <c r="L16" s="104">
        <v>26.4</v>
      </c>
      <c r="M16" s="104">
        <v>99.3</v>
      </c>
      <c r="N16" s="33"/>
      <c r="O16" s="34"/>
      <c r="P16" s="135"/>
      <c r="Q16" s="19" t="s">
        <v>48</v>
      </c>
      <c r="R16" s="138">
        <v>19993758</v>
      </c>
      <c r="S16" s="138">
        <v>70189</v>
      </c>
      <c r="T16" s="138">
        <v>20063947</v>
      </c>
      <c r="U16" s="138">
        <v>19963198</v>
      </c>
      <c r="V16" s="138">
        <v>27366</v>
      </c>
      <c r="W16" s="138">
        <v>19990564</v>
      </c>
      <c r="X16" s="104">
        <v>99.8</v>
      </c>
      <c r="Y16" s="104">
        <v>39</v>
      </c>
      <c r="Z16" s="104">
        <v>99.6</v>
      </c>
      <c r="AA16" s="33"/>
      <c r="AB16" s="34"/>
      <c r="AC16" s="135"/>
      <c r="AD16" s="20" t="s">
        <v>49</v>
      </c>
      <c r="AE16" s="153">
        <v>8247381</v>
      </c>
      <c r="AF16" s="153">
        <v>128618</v>
      </c>
      <c r="AG16" s="153">
        <v>8375999</v>
      </c>
      <c r="AH16" s="153">
        <v>8221640</v>
      </c>
      <c r="AI16" s="153">
        <v>25013</v>
      </c>
      <c r="AJ16" s="153">
        <v>8246653</v>
      </c>
      <c r="AK16" s="104">
        <v>99.7</v>
      </c>
      <c r="AL16" s="104">
        <v>19.399999999999999</v>
      </c>
      <c r="AM16" s="104">
        <v>98.5</v>
      </c>
      <c r="AN16" s="34"/>
      <c r="AO16" s="34"/>
      <c r="AP16" s="135"/>
      <c r="AQ16" s="20" t="s">
        <v>48</v>
      </c>
      <c r="AR16" s="153">
        <v>1088004</v>
      </c>
      <c r="AS16" s="153">
        <v>15112</v>
      </c>
      <c r="AT16" s="153">
        <v>1103116</v>
      </c>
      <c r="AU16" s="153">
        <v>1082441</v>
      </c>
      <c r="AV16" s="153">
        <v>4037</v>
      </c>
      <c r="AW16" s="153">
        <v>1086478</v>
      </c>
      <c r="AX16" s="104">
        <v>99.5</v>
      </c>
      <c r="AY16" s="104">
        <v>26.7</v>
      </c>
      <c r="AZ16" s="104">
        <v>98.5</v>
      </c>
    </row>
    <row r="17" spans="1:52" s="15" customFormat="1" ht="11.1" customHeight="1">
      <c r="A17" s="30"/>
      <c r="B17" s="135"/>
      <c r="C17" s="39"/>
      <c r="D17" s="40" t="s">
        <v>50</v>
      </c>
      <c r="E17" s="139">
        <v>77463413</v>
      </c>
      <c r="F17" s="139">
        <v>476137</v>
      </c>
      <c r="G17" s="139">
        <v>77939550</v>
      </c>
      <c r="H17" s="139">
        <v>77337542</v>
      </c>
      <c r="I17" s="139">
        <v>131960</v>
      </c>
      <c r="J17" s="139">
        <v>77469502</v>
      </c>
      <c r="K17" s="105">
        <v>99.8</v>
      </c>
      <c r="L17" s="105">
        <v>27.7</v>
      </c>
      <c r="M17" s="105">
        <v>99.4</v>
      </c>
      <c r="N17" s="33"/>
      <c r="O17" s="34"/>
      <c r="P17" s="41"/>
      <c r="Q17" s="42" t="s">
        <v>50</v>
      </c>
      <c r="R17" s="139">
        <v>54419505</v>
      </c>
      <c r="S17" s="139">
        <v>190783</v>
      </c>
      <c r="T17" s="139">
        <v>54610288</v>
      </c>
      <c r="U17" s="139">
        <v>54330339</v>
      </c>
      <c r="V17" s="139">
        <v>74653</v>
      </c>
      <c r="W17" s="139">
        <v>54404992</v>
      </c>
      <c r="X17" s="105">
        <v>99.8</v>
      </c>
      <c r="Y17" s="105">
        <v>39.1</v>
      </c>
      <c r="Z17" s="105">
        <v>99.6</v>
      </c>
      <c r="AA17" s="33"/>
      <c r="AB17" s="34"/>
      <c r="AC17" s="41"/>
      <c r="AD17" s="43" t="s">
        <v>51</v>
      </c>
      <c r="AE17" s="154">
        <v>21000764</v>
      </c>
      <c r="AF17" s="154">
        <v>279161</v>
      </c>
      <c r="AG17" s="154">
        <v>21279925</v>
      </c>
      <c r="AH17" s="154">
        <v>20966441</v>
      </c>
      <c r="AI17" s="154">
        <v>55588</v>
      </c>
      <c r="AJ17" s="154">
        <v>21022029</v>
      </c>
      <c r="AK17" s="105">
        <v>99.8</v>
      </c>
      <c r="AL17" s="105">
        <v>19.899999999999999</v>
      </c>
      <c r="AM17" s="105">
        <v>98.8</v>
      </c>
      <c r="AN17" s="34"/>
      <c r="AO17" s="34"/>
      <c r="AP17" s="41"/>
      <c r="AQ17" s="43" t="s">
        <v>50</v>
      </c>
      <c r="AR17" s="154">
        <v>2043144</v>
      </c>
      <c r="AS17" s="154">
        <v>6193</v>
      </c>
      <c r="AT17" s="154">
        <v>2049337</v>
      </c>
      <c r="AU17" s="154">
        <v>2040762</v>
      </c>
      <c r="AV17" s="154">
        <v>1719</v>
      </c>
      <c r="AW17" s="154">
        <v>2042481</v>
      </c>
      <c r="AX17" s="105">
        <v>99.9</v>
      </c>
      <c r="AY17" s="105">
        <v>27.8</v>
      </c>
      <c r="AZ17" s="105">
        <v>99.7</v>
      </c>
    </row>
    <row r="18" spans="1:52" s="15" customFormat="1" ht="11.1" customHeight="1">
      <c r="A18" s="30"/>
      <c r="B18" s="135"/>
      <c r="C18" s="44" t="s">
        <v>52</v>
      </c>
      <c r="D18" s="45"/>
      <c r="E18" s="138">
        <v>700086914</v>
      </c>
      <c r="F18" s="138">
        <v>6177062</v>
      </c>
      <c r="G18" s="138">
        <v>706263976</v>
      </c>
      <c r="H18" s="138">
        <v>697848660</v>
      </c>
      <c r="I18" s="138">
        <v>2167082</v>
      </c>
      <c r="J18" s="138">
        <v>700015742</v>
      </c>
      <c r="K18" s="106">
        <v>99.7</v>
      </c>
      <c r="L18" s="106">
        <v>35.1</v>
      </c>
      <c r="M18" s="106">
        <v>99.1</v>
      </c>
      <c r="N18" s="33"/>
      <c r="O18" s="34"/>
      <c r="P18" s="19" t="s">
        <v>53</v>
      </c>
      <c r="Q18" s="135"/>
      <c r="R18" s="138">
        <v>465642116</v>
      </c>
      <c r="S18" s="138">
        <v>1694026</v>
      </c>
      <c r="T18" s="138">
        <v>467336142</v>
      </c>
      <c r="U18" s="138">
        <v>464700387</v>
      </c>
      <c r="V18" s="138">
        <v>919824</v>
      </c>
      <c r="W18" s="138">
        <v>465620211</v>
      </c>
      <c r="X18" s="106">
        <v>99.8</v>
      </c>
      <c r="Y18" s="106">
        <v>54.3</v>
      </c>
      <c r="Z18" s="106">
        <v>99.6</v>
      </c>
      <c r="AA18" s="33"/>
      <c r="AB18" s="34"/>
      <c r="AC18" s="19" t="s">
        <v>53</v>
      </c>
      <c r="AD18" s="37"/>
      <c r="AE18" s="153">
        <v>205723880</v>
      </c>
      <c r="AF18" s="153">
        <v>3733348</v>
      </c>
      <c r="AG18" s="153">
        <v>209457228</v>
      </c>
      <c r="AH18" s="153">
        <v>204626215</v>
      </c>
      <c r="AI18" s="153">
        <v>1075062</v>
      </c>
      <c r="AJ18" s="153">
        <v>205701277</v>
      </c>
      <c r="AK18" s="106">
        <v>99.5</v>
      </c>
      <c r="AL18" s="106">
        <v>28.8</v>
      </c>
      <c r="AM18" s="106">
        <v>98.2</v>
      </c>
      <c r="AN18" s="34"/>
      <c r="AO18" s="34"/>
      <c r="AP18" s="19" t="s">
        <v>53</v>
      </c>
      <c r="AQ18" s="37"/>
      <c r="AR18" s="153">
        <v>28720918</v>
      </c>
      <c r="AS18" s="153">
        <v>749688</v>
      </c>
      <c r="AT18" s="153">
        <v>29470606</v>
      </c>
      <c r="AU18" s="153">
        <v>28522058</v>
      </c>
      <c r="AV18" s="153">
        <v>172196</v>
      </c>
      <c r="AW18" s="153">
        <v>28694254</v>
      </c>
      <c r="AX18" s="106">
        <v>99.3</v>
      </c>
      <c r="AY18" s="106">
        <v>23</v>
      </c>
      <c r="AZ18" s="106">
        <v>97.4</v>
      </c>
    </row>
    <row r="19" spans="1:52" s="15" customFormat="1" ht="11.1" customHeight="1">
      <c r="A19" s="30"/>
      <c r="B19" s="135"/>
      <c r="C19" s="134"/>
      <c r="D19" s="38" t="s">
        <v>54</v>
      </c>
      <c r="E19" s="138">
        <v>695335870</v>
      </c>
      <c r="F19" s="138">
        <v>6177062</v>
      </c>
      <c r="G19" s="138">
        <v>701512932</v>
      </c>
      <c r="H19" s="138">
        <v>693097616</v>
      </c>
      <c r="I19" s="138">
        <v>2167082</v>
      </c>
      <c r="J19" s="138">
        <v>695264698</v>
      </c>
      <c r="K19" s="104">
        <v>99.7</v>
      </c>
      <c r="L19" s="104">
        <v>35.1</v>
      </c>
      <c r="M19" s="104">
        <v>99.1</v>
      </c>
      <c r="N19" s="33"/>
      <c r="O19" s="34"/>
      <c r="P19" s="135"/>
      <c r="Q19" s="19" t="s">
        <v>55</v>
      </c>
      <c r="R19" s="138">
        <v>463316263</v>
      </c>
      <c r="S19" s="138">
        <v>1694026</v>
      </c>
      <c r="T19" s="138">
        <v>465010289</v>
      </c>
      <c r="U19" s="138">
        <v>462374534</v>
      </c>
      <c r="V19" s="138">
        <v>919824</v>
      </c>
      <c r="W19" s="138">
        <v>463294358</v>
      </c>
      <c r="X19" s="104">
        <v>99.8</v>
      </c>
      <c r="Y19" s="104">
        <v>54.3</v>
      </c>
      <c r="Z19" s="104">
        <v>99.6</v>
      </c>
      <c r="AA19" s="33"/>
      <c r="AB19" s="34"/>
      <c r="AC19" s="135"/>
      <c r="AD19" s="20" t="s">
        <v>56</v>
      </c>
      <c r="AE19" s="153">
        <v>204779161</v>
      </c>
      <c r="AF19" s="153">
        <v>3733348</v>
      </c>
      <c r="AG19" s="153">
        <v>208512509</v>
      </c>
      <c r="AH19" s="153">
        <v>203681496</v>
      </c>
      <c r="AI19" s="153">
        <v>1075062</v>
      </c>
      <c r="AJ19" s="153">
        <v>204756558</v>
      </c>
      <c r="AK19" s="104">
        <v>99.5</v>
      </c>
      <c r="AL19" s="104">
        <v>28.8</v>
      </c>
      <c r="AM19" s="104">
        <v>98.2</v>
      </c>
      <c r="AN19" s="34"/>
      <c r="AO19" s="34"/>
      <c r="AP19" s="135"/>
      <c r="AQ19" s="20" t="s">
        <v>54</v>
      </c>
      <c r="AR19" s="153">
        <v>27240446</v>
      </c>
      <c r="AS19" s="153">
        <v>749688</v>
      </c>
      <c r="AT19" s="153">
        <v>27990134</v>
      </c>
      <c r="AU19" s="153">
        <v>27041586</v>
      </c>
      <c r="AV19" s="153">
        <v>172196</v>
      </c>
      <c r="AW19" s="153">
        <v>27213782</v>
      </c>
      <c r="AX19" s="104">
        <v>99.3</v>
      </c>
      <c r="AY19" s="104">
        <v>23</v>
      </c>
      <c r="AZ19" s="104">
        <v>97.2</v>
      </c>
    </row>
    <row r="20" spans="1:52" s="15" customFormat="1" ht="11.1" customHeight="1">
      <c r="A20" s="30"/>
      <c r="B20" s="135"/>
      <c r="C20" s="134"/>
      <c r="D20" s="38" t="s">
        <v>57</v>
      </c>
      <c r="E20" s="138">
        <v>285697596</v>
      </c>
      <c r="F20" s="138">
        <v>2742099</v>
      </c>
      <c r="G20" s="138">
        <v>288439695</v>
      </c>
      <c r="H20" s="138">
        <v>284700618</v>
      </c>
      <c r="I20" s="138">
        <v>990738</v>
      </c>
      <c r="J20" s="138">
        <v>285691356</v>
      </c>
      <c r="K20" s="104">
        <v>99.7</v>
      </c>
      <c r="L20" s="104">
        <v>36.1</v>
      </c>
      <c r="M20" s="104">
        <v>99</v>
      </c>
      <c r="N20" s="33"/>
      <c r="O20" s="34"/>
      <c r="P20" s="135"/>
      <c r="Q20" s="19" t="s">
        <v>58</v>
      </c>
      <c r="R20" s="138">
        <v>188443866</v>
      </c>
      <c r="S20" s="138">
        <v>823289</v>
      </c>
      <c r="T20" s="138">
        <v>189267155</v>
      </c>
      <c r="U20" s="138">
        <v>188003471</v>
      </c>
      <c r="V20" s="138">
        <v>447732</v>
      </c>
      <c r="W20" s="138">
        <v>188451203</v>
      </c>
      <c r="X20" s="104">
        <v>99.8</v>
      </c>
      <c r="Y20" s="104">
        <v>54.4</v>
      </c>
      <c r="Z20" s="104">
        <v>99.6</v>
      </c>
      <c r="AA20" s="33"/>
      <c r="AB20" s="34"/>
      <c r="AC20" s="135"/>
      <c r="AD20" s="20" t="s">
        <v>58</v>
      </c>
      <c r="AE20" s="153">
        <v>86730801</v>
      </c>
      <c r="AF20" s="153">
        <v>1664113</v>
      </c>
      <c r="AG20" s="153">
        <v>88394914</v>
      </c>
      <c r="AH20" s="153">
        <v>86246422</v>
      </c>
      <c r="AI20" s="153">
        <v>482676</v>
      </c>
      <c r="AJ20" s="153">
        <v>86729098</v>
      </c>
      <c r="AK20" s="104">
        <v>99.4</v>
      </c>
      <c r="AL20" s="104">
        <v>29</v>
      </c>
      <c r="AM20" s="104">
        <v>98.1</v>
      </c>
      <c r="AN20" s="34"/>
      <c r="AO20" s="34"/>
      <c r="AP20" s="135"/>
      <c r="AQ20" s="20" t="s">
        <v>58</v>
      </c>
      <c r="AR20" s="153">
        <v>10522929</v>
      </c>
      <c r="AS20" s="153">
        <v>254697</v>
      </c>
      <c r="AT20" s="153">
        <v>10777626</v>
      </c>
      <c r="AU20" s="153">
        <v>10450725</v>
      </c>
      <c r="AV20" s="153">
        <v>60330</v>
      </c>
      <c r="AW20" s="153">
        <v>10511055</v>
      </c>
      <c r="AX20" s="104">
        <v>99.3</v>
      </c>
      <c r="AY20" s="104">
        <v>23.7</v>
      </c>
      <c r="AZ20" s="104">
        <v>97.5</v>
      </c>
    </row>
    <row r="21" spans="1:52" s="15" customFormat="1" ht="11.1" customHeight="1">
      <c r="A21" s="30"/>
      <c r="B21" s="135"/>
      <c r="C21" s="134"/>
      <c r="D21" s="38" t="s">
        <v>59</v>
      </c>
      <c r="E21" s="138">
        <v>302742009</v>
      </c>
      <c r="F21" s="138">
        <v>2876251</v>
      </c>
      <c r="G21" s="138">
        <v>305618260</v>
      </c>
      <c r="H21" s="138">
        <v>301680568</v>
      </c>
      <c r="I21" s="138">
        <v>1013329</v>
      </c>
      <c r="J21" s="138">
        <v>302693897</v>
      </c>
      <c r="K21" s="104">
        <v>99.6</v>
      </c>
      <c r="L21" s="104">
        <v>35.200000000000003</v>
      </c>
      <c r="M21" s="104">
        <v>99</v>
      </c>
      <c r="N21" s="33"/>
      <c r="O21" s="34"/>
      <c r="P21" s="135"/>
      <c r="Q21" s="19" t="s">
        <v>59</v>
      </c>
      <c r="R21" s="138">
        <v>204959893</v>
      </c>
      <c r="S21" s="138">
        <v>833446</v>
      </c>
      <c r="T21" s="138">
        <v>205793339</v>
      </c>
      <c r="U21" s="138">
        <v>204478709</v>
      </c>
      <c r="V21" s="138">
        <v>452742</v>
      </c>
      <c r="W21" s="138">
        <v>204931451</v>
      </c>
      <c r="X21" s="104">
        <v>99.8</v>
      </c>
      <c r="Y21" s="104">
        <v>54.3</v>
      </c>
      <c r="Z21" s="104">
        <v>99.6</v>
      </c>
      <c r="AA21" s="33"/>
      <c r="AB21" s="34"/>
      <c r="AC21" s="135"/>
      <c r="AD21" s="20" t="s">
        <v>59</v>
      </c>
      <c r="AE21" s="153">
        <v>86066679</v>
      </c>
      <c r="AF21" s="153">
        <v>1668925</v>
      </c>
      <c r="AG21" s="153">
        <v>87735604</v>
      </c>
      <c r="AH21" s="153">
        <v>85579950</v>
      </c>
      <c r="AI21" s="153">
        <v>476079</v>
      </c>
      <c r="AJ21" s="153">
        <v>86056029</v>
      </c>
      <c r="AK21" s="104">
        <v>99.4</v>
      </c>
      <c r="AL21" s="104">
        <v>28.5</v>
      </c>
      <c r="AM21" s="104">
        <v>98.1</v>
      </c>
      <c r="AN21" s="34"/>
      <c r="AO21" s="34"/>
      <c r="AP21" s="135"/>
      <c r="AQ21" s="20" t="s">
        <v>60</v>
      </c>
      <c r="AR21" s="153">
        <v>11715437</v>
      </c>
      <c r="AS21" s="153">
        <v>373880</v>
      </c>
      <c r="AT21" s="153">
        <v>12089317</v>
      </c>
      <c r="AU21" s="153">
        <v>11621909</v>
      </c>
      <c r="AV21" s="153">
        <v>84508</v>
      </c>
      <c r="AW21" s="153">
        <v>11706417</v>
      </c>
      <c r="AX21" s="104">
        <v>99.2</v>
      </c>
      <c r="AY21" s="104">
        <v>22.6</v>
      </c>
      <c r="AZ21" s="104">
        <v>96.8</v>
      </c>
    </row>
    <row r="22" spans="1:52" s="15" customFormat="1" ht="11.1" customHeight="1">
      <c r="A22" s="30"/>
      <c r="B22" s="135"/>
      <c r="C22" s="134"/>
      <c r="D22" s="38" t="s">
        <v>61</v>
      </c>
      <c r="E22" s="138">
        <v>106896265</v>
      </c>
      <c r="F22" s="138">
        <v>558712</v>
      </c>
      <c r="G22" s="138">
        <v>107454977</v>
      </c>
      <c r="H22" s="138">
        <v>106716430</v>
      </c>
      <c r="I22" s="138">
        <v>163015</v>
      </c>
      <c r="J22" s="138">
        <v>106879445</v>
      </c>
      <c r="K22" s="104">
        <v>99.8</v>
      </c>
      <c r="L22" s="104">
        <v>29.2</v>
      </c>
      <c r="M22" s="104">
        <v>99.5</v>
      </c>
      <c r="N22" s="33"/>
      <c r="O22" s="34"/>
      <c r="P22" s="135"/>
      <c r="Q22" s="19" t="s">
        <v>61</v>
      </c>
      <c r="R22" s="138">
        <v>69912504</v>
      </c>
      <c r="S22" s="138">
        <v>37291</v>
      </c>
      <c r="T22" s="138">
        <v>69949795</v>
      </c>
      <c r="U22" s="138">
        <v>69892354</v>
      </c>
      <c r="V22" s="138">
        <v>19350</v>
      </c>
      <c r="W22" s="138">
        <v>69911704</v>
      </c>
      <c r="X22" s="104">
        <v>99.9</v>
      </c>
      <c r="Y22" s="104">
        <v>51.9</v>
      </c>
      <c r="Z22" s="104">
        <v>99.9</v>
      </c>
      <c r="AA22" s="33"/>
      <c r="AB22" s="34"/>
      <c r="AC22" s="135"/>
      <c r="AD22" s="20" t="s">
        <v>62</v>
      </c>
      <c r="AE22" s="153">
        <v>31981681</v>
      </c>
      <c r="AF22" s="153">
        <v>400310</v>
      </c>
      <c r="AG22" s="153">
        <v>32381991</v>
      </c>
      <c r="AH22" s="153">
        <v>31855124</v>
      </c>
      <c r="AI22" s="153">
        <v>116307</v>
      </c>
      <c r="AJ22" s="153">
        <v>31971431</v>
      </c>
      <c r="AK22" s="104">
        <v>99.6</v>
      </c>
      <c r="AL22" s="104">
        <v>29.1</v>
      </c>
      <c r="AM22" s="104">
        <v>98.7</v>
      </c>
      <c r="AN22" s="34"/>
      <c r="AO22" s="34"/>
      <c r="AP22" s="135"/>
      <c r="AQ22" s="20" t="s">
        <v>61</v>
      </c>
      <c r="AR22" s="153">
        <v>5002080</v>
      </c>
      <c r="AS22" s="153">
        <v>121111</v>
      </c>
      <c r="AT22" s="153">
        <v>5123191</v>
      </c>
      <c r="AU22" s="153">
        <v>4968952</v>
      </c>
      <c r="AV22" s="153">
        <v>27358</v>
      </c>
      <c r="AW22" s="153">
        <v>4996310</v>
      </c>
      <c r="AX22" s="104">
        <v>99.3</v>
      </c>
      <c r="AY22" s="104">
        <v>22.6</v>
      </c>
      <c r="AZ22" s="104">
        <v>97.5</v>
      </c>
    </row>
    <row r="23" spans="1:52" s="15" customFormat="1" ht="11.1" customHeight="1">
      <c r="A23" s="30"/>
      <c r="B23" s="135"/>
      <c r="C23" s="39"/>
      <c r="D23" s="40" t="s">
        <v>63</v>
      </c>
      <c r="E23" s="139">
        <v>4751044</v>
      </c>
      <c r="F23" s="139">
        <v>0</v>
      </c>
      <c r="G23" s="139">
        <v>4751044</v>
      </c>
      <c r="H23" s="139">
        <v>4751044</v>
      </c>
      <c r="I23" s="139">
        <v>0</v>
      </c>
      <c r="J23" s="139">
        <v>4751044</v>
      </c>
      <c r="K23" s="105">
        <v>100</v>
      </c>
      <c r="L23" s="104">
        <v>0</v>
      </c>
      <c r="M23" s="105">
        <v>100</v>
      </c>
      <c r="N23" s="33"/>
      <c r="O23" s="34"/>
      <c r="P23" s="41"/>
      <c r="Q23" s="42" t="s">
        <v>63</v>
      </c>
      <c r="R23" s="139">
        <v>2325853</v>
      </c>
      <c r="S23" s="139">
        <v>0</v>
      </c>
      <c r="T23" s="139">
        <v>2325853</v>
      </c>
      <c r="U23" s="139">
        <v>2325853</v>
      </c>
      <c r="V23" s="139">
        <v>0</v>
      </c>
      <c r="W23" s="139">
        <v>2325853</v>
      </c>
      <c r="X23" s="105">
        <v>100</v>
      </c>
      <c r="Y23" s="110">
        <v>0</v>
      </c>
      <c r="Z23" s="105">
        <v>100</v>
      </c>
      <c r="AA23" s="33"/>
      <c r="AB23" s="34"/>
      <c r="AC23" s="41"/>
      <c r="AD23" s="43" t="s">
        <v>63</v>
      </c>
      <c r="AE23" s="154">
        <v>944719</v>
      </c>
      <c r="AF23" s="154">
        <v>0</v>
      </c>
      <c r="AG23" s="154">
        <v>944719</v>
      </c>
      <c r="AH23" s="154">
        <v>944719</v>
      </c>
      <c r="AI23" s="154">
        <v>0</v>
      </c>
      <c r="AJ23" s="154">
        <v>944719</v>
      </c>
      <c r="AK23" s="105">
        <v>100</v>
      </c>
      <c r="AL23" s="110">
        <v>0</v>
      </c>
      <c r="AM23" s="105">
        <v>100</v>
      </c>
      <c r="AN23" s="34"/>
      <c r="AO23" s="34"/>
      <c r="AP23" s="41"/>
      <c r="AQ23" s="43" t="s">
        <v>63</v>
      </c>
      <c r="AR23" s="154">
        <v>1480472</v>
      </c>
      <c r="AS23" s="154">
        <v>0</v>
      </c>
      <c r="AT23" s="154">
        <v>1480472</v>
      </c>
      <c r="AU23" s="154">
        <v>1480472</v>
      </c>
      <c r="AV23" s="154">
        <v>0</v>
      </c>
      <c r="AW23" s="154">
        <v>1480472</v>
      </c>
      <c r="AX23" s="105">
        <v>100</v>
      </c>
      <c r="AY23" s="110">
        <v>0</v>
      </c>
      <c r="AZ23" s="105">
        <v>100</v>
      </c>
    </row>
    <row r="24" spans="1:52" s="15" customFormat="1" ht="11.1" customHeight="1">
      <c r="A24" s="30"/>
      <c r="B24" s="135"/>
      <c r="C24" s="99" t="s">
        <v>172</v>
      </c>
      <c r="D24" s="130"/>
      <c r="E24" s="171" t="s">
        <v>167</v>
      </c>
      <c r="F24" s="171" t="s">
        <v>166</v>
      </c>
      <c r="G24" s="142">
        <v>11963614</v>
      </c>
      <c r="H24" s="171" t="s">
        <v>166</v>
      </c>
      <c r="I24" s="171" t="s">
        <v>166</v>
      </c>
      <c r="J24" s="142">
        <v>11524031</v>
      </c>
      <c r="K24" s="106">
        <v>0</v>
      </c>
      <c r="L24" s="106">
        <v>0</v>
      </c>
      <c r="M24" s="106">
        <v>96.3</v>
      </c>
      <c r="N24" s="33"/>
      <c r="O24" s="34"/>
      <c r="P24" s="99" t="s">
        <v>172</v>
      </c>
      <c r="Q24" s="131"/>
      <c r="R24" s="171" t="s">
        <v>166</v>
      </c>
      <c r="S24" s="171" t="s">
        <v>166</v>
      </c>
      <c r="T24" s="142">
        <v>5789925</v>
      </c>
      <c r="U24" s="171" t="s">
        <v>166</v>
      </c>
      <c r="V24" s="171" t="s">
        <v>166</v>
      </c>
      <c r="W24" s="142">
        <v>5648857</v>
      </c>
      <c r="X24" s="106">
        <v>0</v>
      </c>
      <c r="Y24" s="106">
        <v>0</v>
      </c>
      <c r="Z24" s="106">
        <v>97.6</v>
      </c>
      <c r="AA24" s="33"/>
      <c r="AB24" s="34"/>
      <c r="AC24" s="99" t="s">
        <v>172</v>
      </c>
      <c r="AD24" s="133"/>
      <c r="AE24" s="172" t="s">
        <v>166</v>
      </c>
      <c r="AF24" s="172" t="s">
        <v>166</v>
      </c>
      <c r="AG24" s="157">
        <v>5345035</v>
      </c>
      <c r="AH24" s="172" t="s">
        <v>166</v>
      </c>
      <c r="AI24" s="172" t="s">
        <v>166</v>
      </c>
      <c r="AJ24" s="157">
        <v>5074950</v>
      </c>
      <c r="AK24" s="106">
        <v>0</v>
      </c>
      <c r="AL24" s="106">
        <v>0</v>
      </c>
      <c r="AM24" s="106">
        <v>94.9</v>
      </c>
      <c r="AN24" s="34"/>
      <c r="AO24" s="34"/>
      <c r="AP24" s="99" t="s">
        <v>172</v>
      </c>
      <c r="AQ24" s="133"/>
      <c r="AR24" s="172" t="s">
        <v>166</v>
      </c>
      <c r="AS24" s="172" t="s">
        <v>166</v>
      </c>
      <c r="AT24" s="157">
        <v>828654</v>
      </c>
      <c r="AU24" s="172" t="s">
        <v>166</v>
      </c>
      <c r="AV24" s="172" t="s">
        <v>166</v>
      </c>
      <c r="AW24" s="157">
        <v>800224</v>
      </c>
      <c r="AX24" s="106">
        <v>0</v>
      </c>
      <c r="AY24" s="106">
        <v>0</v>
      </c>
      <c r="AZ24" s="106">
        <v>96.6</v>
      </c>
    </row>
    <row r="25" spans="1:52" s="15" customFormat="1" ht="11.1" customHeight="1">
      <c r="A25" s="30"/>
      <c r="B25" s="166"/>
      <c r="C25" s="44"/>
      <c r="D25" s="38" t="s">
        <v>165</v>
      </c>
      <c r="E25" s="138">
        <v>10784085</v>
      </c>
      <c r="F25" s="138">
        <v>389314</v>
      </c>
      <c r="G25" s="138">
        <v>11173399</v>
      </c>
      <c r="H25" s="138">
        <v>10643509</v>
      </c>
      <c r="I25" s="138">
        <v>90307</v>
      </c>
      <c r="J25" s="138">
        <v>10733816</v>
      </c>
      <c r="K25" s="104">
        <v>98.7</v>
      </c>
      <c r="L25" s="104">
        <v>23.2</v>
      </c>
      <c r="M25" s="104">
        <v>96.1</v>
      </c>
      <c r="N25" s="33"/>
      <c r="O25" s="34"/>
      <c r="P25" s="132"/>
      <c r="Q25" s="38" t="s">
        <v>165</v>
      </c>
      <c r="R25" s="138">
        <v>5283960</v>
      </c>
      <c r="S25" s="138">
        <v>121789</v>
      </c>
      <c r="T25" s="138">
        <v>5405749</v>
      </c>
      <c r="U25" s="138">
        <v>5229949</v>
      </c>
      <c r="V25" s="138">
        <v>34732</v>
      </c>
      <c r="W25" s="138">
        <v>5264681</v>
      </c>
      <c r="X25" s="104">
        <v>99</v>
      </c>
      <c r="Y25" s="104">
        <v>28.5</v>
      </c>
      <c r="Z25" s="104">
        <v>97.4</v>
      </c>
      <c r="AA25" s="33"/>
      <c r="AB25" s="34"/>
      <c r="AC25" s="132"/>
      <c r="AD25" s="38" t="s">
        <v>165</v>
      </c>
      <c r="AE25" s="153">
        <v>4767261</v>
      </c>
      <c r="AF25" s="153">
        <v>240848</v>
      </c>
      <c r="AG25" s="153">
        <v>5008109</v>
      </c>
      <c r="AH25" s="153">
        <v>4689749</v>
      </c>
      <c r="AI25" s="153">
        <v>48275</v>
      </c>
      <c r="AJ25" s="153">
        <v>4738024</v>
      </c>
      <c r="AK25" s="104">
        <v>98.4</v>
      </c>
      <c r="AL25" s="104">
        <v>20</v>
      </c>
      <c r="AM25" s="104">
        <v>94.6</v>
      </c>
      <c r="AN25" s="34"/>
      <c r="AO25" s="34"/>
      <c r="AP25" s="132"/>
      <c r="AQ25" s="38" t="s">
        <v>165</v>
      </c>
      <c r="AR25" s="153">
        <v>732864</v>
      </c>
      <c r="AS25" s="153">
        <v>26677</v>
      </c>
      <c r="AT25" s="153">
        <v>759541</v>
      </c>
      <c r="AU25" s="153">
        <v>723811</v>
      </c>
      <c r="AV25" s="153">
        <v>7300</v>
      </c>
      <c r="AW25" s="153">
        <v>731111</v>
      </c>
      <c r="AX25" s="104">
        <v>98.8</v>
      </c>
      <c r="AY25" s="104">
        <v>27.4</v>
      </c>
      <c r="AZ25" s="104">
        <v>96.3</v>
      </c>
    </row>
    <row r="26" spans="1:52" s="15" customFormat="1" ht="11.1" customHeight="1">
      <c r="A26" s="30"/>
      <c r="B26" s="135"/>
      <c r="C26" s="100"/>
      <c r="D26" s="38" t="s">
        <v>171</v>
      </c>
      <c r="E26" s="143" t="s">
        <v>166</v>
      </c>
      <c r="F26" s="143" t="s">
        <v>166</v>
      </c>
      <c r="G26" s="139">
        <v>790215</v>
      </c>
      <c r="H26" s="143" t="s">
        <v>166</v>
      </c>
      <c r="I26" s="143" t="s">
        <v>166</v>
      </c>
      <c r="J26" s="139">
        <v>790215</v>
      </c>
      <c r="K26" s="104">
        <v>0</v>
      </c>
      <c r="L26" s="104">
        <v>0</v>
      </c>
      <c r="M26" s="105">
        <v>100</v>
      </c>
      <c r="N26" s="33"/>
      <c r="O26" s="34"/>
      <c r="P26" s="101"/>
      <c r="Q26" s="38" t="s">
        <v>171</v>
      </c>
      <c r="R26" s="143" t="s">
        <v>166</v>
      </c>
      <c r="S26" s="143" t="s">
        <v>166</v>
      </c>
      <c r="T26" s="139">
        <v>384176</v>
      </c>
      <c r="U26" s="143" t="s">
        <v>166</v>
      </c>
      <c r="V26" s="143" t="s">
        <v>166</v>
      </c>
      <c r="W26" s="139">
        <v>384176</v>
      </c>
      <c r="X26" s="110">
        <v>0</v>
      </c>
      <c r="Y26" s="110">
        <v>0</v>
      </c>
      <c r="Z26" s="105">
        <v>100</v>
      </c>
      <c r="AA26" s="33"/>
      <c r="AB26" s="34"/>
      <c r="AC26" s="101"/>
      <c r="AD26" s="38" t="s">
        <v>171</v>
      </c>
      <c r="AE26" s="158" t="s">
        <v>166</v>
      </c>
      <c r="AF26" s="158" t="s">
        <v>166</v>
      </c>
      <c r="AG26" s="154">
        <v>336926</v>
      </c>
      <c r="AH26" s="158" t="s">
        <v>166</v>
      </c>
      <c r="AI26" s="158" t="s">
        <v>166</v>
      </c>
      <c r="AJ26" s="154">
        <v>336926</v>
      </c>
      <c r="AK26" s="110">
        <v>0</v>
      </c>
      <c r="AL26" s="110">
        <v>0</v>
      </c>
      <c r="AM26" s="105">
        <v>100</v>
      </c>
      <c r="AN26" s="34"/>
      <c r="AO26" s="34"/>
      <c r="AP26" s="101"/>
      <c r="AQ26" s="38" t="s">
        <v>171</v>
      </c>
      <c r="AR26" s="158" t="s">
        <v>166</v>
      </c>
      <c r="AS26" s="158" t="s">
        <v>166</v>
      </c>
      <c r="AT26" s="154">
        <v>69113</v>
      </c>
      <c r="AU26" s="158" t="s">
        <v>166</v>
      </c>
      <c r="AV26" s="158" t="s">
        <v>166</v>
      </c>
      <c r="AW26" s="154">
        <v>69113</v>
      </c>
      <c r="AX26" s="110">
        <v>0</v>
      </c>
      <c r="AY26" s="110">
        <v>0</v>
      </c>
      <c r="AZ26" s="105">
        <v>100</v>
      </c>
    </row>
    <row r="27" spans="1:52" s="15" customFormat="1" ht="11.1" customHeight="1">
      <c r="A27" s="30"/>
      <c r="B27" s="135"/>
      <c r="C27" s="46" t="s">
        <v>64</v>
      </c>
      <c r="D27" s="47"/>
      <c r="E27" s="141">
        <v>60173784</v>
      </c>
      <c r="F27" s="141">
        <v>45</v>
      </c>
      <c r="G27" s="141">
        <v>60173829</v>
      </c>
      <c r="H27" s="141">
        <v>60173784</v>
      </c>
      <c r="I27" s="141">
        <v>45</v>
      </c>
      <c r="J27" s="141">
        <v>60173829</v>
      </c>
      <c r="K27" s="107">
        <v>100</v>
      </c>
      <c r="L27" s="107">
        <v>100</v>
      </c>
      <c r="M27" s="107">
        <v>100</v>
      </c>
      <c r="N27" s="33"/>
      <c r="O27" s="34"/>
      <c r="P27" s="48" t="s">
        <v>65</v>
      </c>
      <c r="Q27" s="49"/>
      <c r="R27" s="141">
        <v>38150233</v>
      </c>
      <c r="S27" s="141">
        <v>0</v>
      </c>
      <c r="T27" s="141">
        <v>38150233</v>
      </c>
      <c r="U27" s="141">
        <v>38150233</v>
      </c>
      <c r="V27" s="141">
        <v>0</v>
      </c>
      <c r="W27" s="141">
        <v>38150233</v>
      </c>
      <c r="X27" s="107">
        <v>100</v>
      </c>
      <c r="Y27" s="107">
        <v>0</v>
      </c>
      <c r="Z27" s="107">
        <v>100</v>
      </c>
      <c r="AA27" s="33"/>
      <c r="AB27" s="34"/>
      <c r="AC27" s="48" t="s">
        <v>66</v>
      </c>
      <c r="AD27" s="50"/>
      <c r="AE27" s="156">
        <v>19875531</v>
      </c>
      <c r="AF27" s="156">
        <v>45</v>
      </c>
      <c r="AG27" s="156">
        <v>19875576</v>
      </c>
      <c r="AH27" s="156">
        <v>19875531</v>
      </c>
      <c r="AI27" s="156">
        <v>45</v>
      </c>
      <c r="AJ27" s="156">
        <v>19875576</v>
      </c>
      <c r="AK27" s="107">
        <v>100</v>
      </c>
      <c r="AL27" s="107">
        <v>100</v>
      </c>
      <c r="AM27" s="107">
        <v>100</v>
      </c>
      <c r="AN27" s="34"/>
      <c r="AO27" s="34"/>
      <c r="AP27" s="48" t="s">
        <v>65</v>
      </c>
      <c r="AQ27" s="50"/>
      <c r="AR27" s="156">
        <v>2148020</v>
      </c>
      <c r="AS27" s="156">
        <v>0</v>
      </c>
      <c r="AT27" s="156">
        <v>2148020</v>
      </c>
      <c r="AU27" s="156">
        <v>2148020</v>
      </c>
      <c r="AV27" s="156">
        <v>0</v>
      </c>
      <c r="AW27" s="156">
        <v>2148020</v>
      </c>
      <c r="AX27" s="107">
        <v>100</v>
      </c>
      <c r="AY27" s="107">
        <v>0</v>
      </c>
      <c r="AZ27" s="107">
        <v>100</v>
      </c>
    </row>
    <row r="28" spans="1:52" s="15" customFormat="1" ht="11.1" customHeight="1">
      <c r="A28" s="30"/>
      <c r="B28" s="135"/>
      <c r="C28" s="46" t="s">
        <v>67</v>
      </c>
      <c r="D28" s="47"/>
      <c r="E28" s="140">
        <v>0</v>
      </c>
      <c r="F28" s="140">
        <v>0</v>
      </c>
      <c r="G28" s="140">
        <v>0</v>
      </c>
      <c r="H28" s="140">
        <v>0</v>
      </c>
      <c r="I28" s="140">
        <v>0</v>
      </c>
      <c r="J28" s="140">
        <v>0</v>
      </c>
      <c r="K28" s="107">
        <v>0</v>
      </c>
      <c r="L28" s="104">
        <v>0</v>
      </c>
      <c r="M28" s="104">
        <v>0</v>
      </c>
      <c r="N28" s="33"/>
      <c r="O28" s="34"/>
      <c r="P28" s="48" t="s">
        <v>68</v>
      </c>
      <c r="Q28" s="49"/>
      <c r="R28" s="140">
        <v>0</v>
      </c>
      <c r="S28" s="140">
        <v>0</v>
      </c>
      <c r="T28" s="140">
        <v>0</v>
      </c>
      <c r="U28" s="140">
        <v>0</v>
      </c>
      <c r="V28" s="140">
        <v>0</v>
      </c>
      <c r="W28" s="140">
        <v>0</v>
      </c>
      <c r="X28" s="111">
        <v>0</v>
      </c>
      <c r="Y28" s="110">
        <v>0</v>
      </c>
      <c r="Z28" s="110">
        <v>0</v>
      </c>
      <c r="AA28" s="33"/>
      <c r="AB28" s="34"/>
      <c r="AC28" s="48" t="s">
        <v>68</v>
      </c>
      <c r="AD28" s="50"/>
      <c r="AE28" s="155">
        <v>0</v>
      </c>
      <c r="AF28" s="155">
        <v>0</v>
      </c>
      <c r="AG28" s="155">
        <v>0</v>
      </c>
      <c r="AH28" s="155">
        <v>0</v>
      </c>
      <c r="AI28" s="155">
        <v>0</v>
      </c>
      <c r="AJ28" s="155">
        <v>0</v>
      </c>
      <c r="AK28" s="111">
        <v>0</v>
      </c>
      <c r="AL28" s="110">
        <v>0</v>
      </c>
      <c r="AM28" s="110">
        <v>0</v>
      </c>
      <c r="AN28" s="34"/>
      <c r="AO28" s="34"/>
      <c r="AP28" s="48" t="s">
        <v>67</v>
      </c>
      <c r="AQ28" s="50"/>
      <c r="AR28" s="155">
        <v>0</v>
      </c>
      <c r="AS28" s="155">
        <v>0</v>
      </c>
      <c r="AT28" s="155">
        <v>0</v>
      </c>
      <c r="AU28" s="155">
        <v>0</v>
      </c>
      <c r="AV28" s="155">
        <v>0</v>
      </c>
      <c r="AW28" s="155">
        <v>0</v>
      </c>
      <c r="AX28" s="111">
        <v>0</v>
      </c>
      <c r="AY28" s="110">
        <v>0</v>
      </c>
      <c r="AZ28" s="110">
        <v>0</v>
      </c>
    </row>
    <row r="29" spans="1:52" s="15" customFormat="1" ht="11.1" customHeight="1">
      <c r="A29" s="30"/>
      <c r="B29" s="135"/>
      <c r="C29" s="44" t="s">
        <v>69</v>
      </c>
      <c r="D29" s="45"/>
      <c r="E29" s="138">
        <v>0</v>
      </c>
      <c r="F29" s="138">
        <v>5615</v>
      </c>
      <c r="G29" s="138">
        <v>5615</v>
      </c>
      <c r="H29" s="138">
        <v>0</v>
      </c>
      <c r="I29" s="167">
        <v>0</v>
      </c>
      <c r="J29" s="167">
        <v>0</v>
      </c>
      <c r="K29" s="104">
        <v>0</v>
      </c>
      <c r="L29" s="168">
        <v>0</v>
      </c>
      <c r="M29" s="168">
        <v>0</v>
      </c>
      <c r="N29" s="33"/>
      <c r="O29" s="34"/>
      <c r="P29" s="19" t="s">
        <v>70</v>
      </c>
      <c r="Q29" s="135"/>
      <c r="R29" s="138">
        <v>0</v>
      </c>
      <c r="S29" s="138">
        <v>0</v>
      </c>
      <c r="T29" s="138">
        <v>0</v>
      </c>
      <c r="U29" s="138">
        <v>0</v>
      </c>
      <c r="V29" s="138">
        <v>0</v>
      </c>
      <c r="W29" s="138">
        <v>0</v>
      </c>
      <c r="X29" s="110">
        <v>0</v>
      </c>
      <c r="Y29" s="106">
        <v>0</v>
      </c>
      <c r="Z29" s="106">
        <v>0</v>
      </c>
      <c r="AA29" s="33"/>
      <c r="AB29" s="34"/>
      <c r="AC29" s="19" t="s">
        <v>70</v>
      </c>
      <c r="AD29" s="37"/>
      <c r="AE29" s="153">
        <v>0</v>
      </c>
      <c r="AF29" s="153">
        <v>5615</v>
      </c>
      <c r="AG29" s="153">
        <v>5615</v>
      </c>
      <c r="AH29" s="153">
        <v>0</v>
      </c>
      <c r="AI29" s="170">
        <v>0</v>
      </c>
      <c r="AJ29" s="170">
        <v>0</v>
      </c>
      <c r="AK29" s="110">
        <v>0</v>
      </c>
      <c r="AL29" s="168">
        <v>0</v>
      </c>
      <c r="AM29" s="168">
        <v>0</v>
      </c>
      <c r="AN29" s="34"/>
      <c r="AO29" s="34"/>
      <c r="AP29" s="19" t="s">
        <v>69</v>
      </c>
      <c r="AQ29" s="37"/>
      <c r="AR29" s="153">
        <v>0</v>
      </c>
      <c r="AS29" s="153">
        <v>0</v>
      </c>
      <c r="AT29" s="153">
        <v>0</v>
      </c>
      <c r="AU29" s="153">
        <v>0</v>
      </c>
      <c r="AV29" s="153">
        <v>0</v>
      </c>
      <c r="AW29" s="153">
        <v>0</v>
      </c>
      <c r="AX29" s="110">
        <v>0</v>
      </c>
      <c r="AY29" s="106">
        <v>0</v>
      </c>
      <c r="AZ29" s="106">
        <v>0</v>
      </c>
    </row>
    <row r="30" spans="1:52" s="15" customFormat="1" ht="11.1" customHeight="1">
      <c r="A30" s="30"/>
      <c r="B30" s="135"/>
      <c r="C30" s="134"/>
      <c r="D30" s="38" t="s">
        <v>71</v>
      </c>
      <c r="E30" s="138">
        <v>0</v>
      </c>
      <c r="F30" s="138">
        <v>5615</v>
      </c>
      <c r="G30" s="138">
        <v>5615</v>
      </c>
      <c r="H30" s="138">
        <v>0</v>
      </c>
      <c r="I30" s="167">
        <v>0</v>
      </c>
      <c r="J30" s="167">
        <v>0</v>
      </c>
      <c r="K30" s="104">
        <v>0</v>
      </c>
      <c r="L30" s="169">
        <v>0</v>
      </c>
      <c r="M30" s="169">
        <v>0</v>
      </c>
      <c r="N30" s="33"/>
      <c r="O30" s="34"/>
      <c r="P30" s="135"/>
      <c r="Q30" s="19" t="s">
        <v>71</v>
      </c>
      <c r="R30" s="138">
        <v>0</v>
      </c>
      <c r="S30" s="138">
        <v>0</v>
      </c>
      <c r="T30" s="138">
        <v>0</v>
      </c>
      <c r="U30" s="138">
        <v>0</v>
      </c>
      <c r="V30" s="138">
        <v>0</v>
      </c>
      <c r="W30" s="138">
        <v>0</v>
      </c>
      <c r="X30" s="110">
        <v>0</v>
      </c>
      <c r="Y30" s="104">
        <v>0</v>
      </c>
      <c r="Z30" s="104">
        <v>0</v>
      </c>
      <c r="AA30" s="33"/>
      <c r="AB30" s="34"/>
      <c r="AC30" s="135"/>
      <c r="AD30" s="20" t="s">
        <v>71</v>
      </c>
      <c r="AE30" s="153">
        <v>0</v>
      </c>
      <c r="AF30" s="153">
        <v>5615</v>
      </c>
      <c r="AG30" s="153">
        <v>5615</v>
      </c>
      <c r="AH30" s="153">
        <v>0</v>
      </c>
      <c r="AI30" s="170">
        <v>0</v>
      </c>
      <c r="AJ30" s="170">
        <v>0</v>
      </c>
      <c r="AK30" s="110">
        <v>0</v>
      </c>
      <c r="AL30" s="169">
        <v>0</v>
      </c>
      <c r="AM30" s="169">
        <v>0</v>
      </c>
      <c r="AN30" s="34"/>
      <c r="AO30" s="34"/>
      <c r="AP30" s="135"/>
      <c r="AQ30" s="20" t="s">
        <v>71</v>
      </c>
      <c r="AR30" s="153">
        <v>0</v>
      </c>
      <c r="AS30" s="153">
        <v>0</v>
      </c>
      <c r="AT30" s="153">
        <v>0</v>
      </c>
      <c r="AU30" s="153">
        <v>0</v>
      </c>
      <c r="AV30" s="153">
        <v>0</v>
      </c>
      <c r="AW30" s="153">
        <v>0</v>
      </c>
      <c r="AX30" s="110">
        <v>0</v>
      </c>
      <c r="AY30" s="104">
        <v>0</v>
      </c>
      <c r="AZ30" s="104">
        <v>0</v>
      </c>
    </row>
    <row r="31" spans="1:52" s="15" customFormat="1" ht="11.1" customHeight="1">
      <c r="A31" s="30"/>
      <c r="B31" s="135"/>
      <c r="C31" s="134"/>
      <c r="D31" s="38" t="s">
        <v>72</v>
      </c>
      <c r="E31" s="138">
        <v>0</v>
      </c>
      <c r="F31" s="138">
        <v>0</v>
      </c>
      <c r="G31" s="138">
        <v>0</v>
      </c>
      <c r="H31" s="138">
        <v>0</v>
      </c>
      <c r="I31" s="138">
        <v>0</v>
      </c>
      <c r="J31" s="138">
        <v>0</v>
      </c>
      <c r="K31" s="104">
        <v>0</v>
      </c>
      <c r="L31" s="104">
        <v>0</v>
      </c>
      <c r="M31" s="104">
        <v>0</v>
      </c>
      <c r="N31" s="33"/>
      <c r="O31" s="34"/>
      <c r="P31" s="135"/>
      <c r="Q31" s="19" t="s">
        <v>72</v>
      </c>
      <c r="R31" s="138">
        <v>0</v>
      </c>
      <c r="S31" s="138">
        <v>0</v>
      </c>
      <c r="T31" s="138">
        <v>0</v>
      </c>
      <c r="U31" s="138">
        <v>0</v>
      </c>
      <c r="V31" s="138">
        <v>0</v>
      </c>
      <c r="W31" s="138">
        <v>0</v>
      </c>
      <c r="X31" s="110">
        <v>0</v>
      </c>
      <c r="Y31" s="110">
        <v>0</v>
      </c>
      <c r="Z31" s="110">
        <v>0</v>
      </c>
      <c r="AA31" s="33"/>
      <c r="AB31" s="34"/>
      <c r="AC31" s="135"/>
      <c r="AD31" s="20" t="s">
        <v>73</v>
      </c>
      <c r="AE31" s="153">
        <v>0</v>
      </c>
      <c r="AF31" s="153">
        <v>0</v>
      </c>
      <c r="AG31" s="153">
        <v>0</v>
      </c>
      <c r="AH31" s="153">
        <v>0</v>
      </c>
      <c r="AI31" s="153">
        <v>0</v>
      </c>
      <c r="AJ31" s="153">
        <v>0</v>
      </c>
      <c r="AK31" s="110">
        <v>0</v>
      </c>
      <c r="AL31" s="110">
        <v>0</v>
      </c>
      <c r="AM31" s="110">
        <v>0</v>
      </c>
      <c r="AN31" s="34"/>
      <c r="AO31" s="34"/>
      <c r="AP31" s="135"/>
      <c r="AQ31" s="20" t="s">
        <v>72</v>
      </c>
      <c r="AR31" s="153">
        <v>0</v>
      </c>
      <c r="AS31" s="153">
        <v>0</v>
      </c>
      <c r="AT31" s="153">
        <v>0</v>
      </c>
      <c r="AU31" s="153">
        <v>0</v>
      </c>
      <c r="AV31" s="153">
        <v>0</v>
      </c>
      <c r="AW31" s="153">
        <v>0</v>
      </c>
      <c r="AX31" s="110">
        <v>0</v>
      </c>
      <c r="AY31" s="110">
        <v>0</v>
      </c>
      <c r="AZ31" s="110">
        <v>0</v>
      </c>
    </row>
    <row r="32" spans="1:52" s="15" customFormat="1" ht="11.1" customHeight="1">
      <c r="A32" s="30"/>
      <c r="B32" s="22"/>
      <c r="C32" s="51"/>
      <c r="D32" s="52" t="s">
        <v>74</v>
      </c>
      <c r="E32" s="144">
        <v>0</v>
      </c>
      <c r="F32" s="144">
        <v>0</v>
      </c>
      <c r="G32" s="144">
        <v>0</v>
      </c>
      <c r="H32" s="144">
        <v>0</v>
      </c>
      <c r="I32" s="144">
        <v>0</v>
      </c>
      <c r="J32" s="144">
        <v>0</v>
      </c>
      <c r="K32" s="104">
        <v>0</v>
      </c>
      <c r="L32" s="104">
        <v>0</v>
      </c>
      <c r="M32" s="104">
        <v>0</v>
      </c>
      <c r="N32" s="33"/>
      <c r="O32" s="53"/>
      <c r="P32" s="22"/>
      <c r="Q32" s="54" t="s">
        <v>75</v>
      </c>
      <c r="R32" s="144">
        <v>0</v>
      </c>
      <c r="S32" s="144">
        <v>0</v>
      </c>
      <c r="T32" s="144">
        <v>0</v>
      </c>
      <c r="U32" s="144">
        <v>0</v>
      </c>
      <c r="V32" s="144">
        <v>0</v>
      </c>
      <c r="W32" s="144">
        <v>0</v>
      </c>
      <c r="X32" s="110">
        <v>0</v>
      </c>
      <c r="Y32" s="110">
        <v>0</v>
      </c>
      <c r="Z32" s="110">
        <v>0</v>
      </c>
      <c r="AA32" s="33"/>
      <c r="AB32" s="53"/>
      <c r="AC32" s="22"/>
      <c r="AD32" s="55" t="s">
        <v>76</v>
      </c>
      <c r="AE32" s="159">
        <v>0</v>
      </c>
      <c r="AF32" s="159">
        <v>0</v>
      </c>
      <c r="AG32" s="159">
        <v>0</v>
      </c>
      <c r="AH32" s="159">
        <v>0</v>
      </c>
      <c r="AI32" s="159">
        <v>0</v>
      </c>
      <c r="AJ32" s="159">
        <v>0</v>
      </c>
      <c r="AK32" s="110">
        <v>0</v>
      </c>
      <c r="AL32" s="110">
        <v>0</v>
      </c>
      <c r="AM32" s="110">
        <v>0</v>
      </c>
      <c r="AN32" s="34"/>
      <c r="AO32" s="53"/>
      <c r="AP32" s="22"/>
      <c r="AQ32" s="55" t="s">
        <v>77</v>
      </c>
      <c r="AR32" s="165">
        <v>0</v>
      </c>
      <c r="AS32" s="165">
        <v>0</v>
      </c>
      <c r="AT32" s="165">
        <v>0</v>
      </c>
      <c r="AU32" s="165">
        <v>0</v>
      </c>
      <c r="AV32" s="165">
        <v>0</v>
      </c>
      <c r="AW32" s="165">
        <v>0</v>
      </c>
      <c r="AX32" s="110">
        <v>0</v>
      </c>
      <c r="AY32" s="110">
        <v>0</v>
      </c>
      <c r="AZ32" s="110">
        <v>0</v>
      </c>
    </row>
    <row r="33" spans="1:52" s="15" customFormat="1" ht="11.1" customHeight="1">
      <c r="A33" s="56"/>
      <c r="B33" s="54" t="s">
        <v>78</v>
      </c>
      <c r="C33" s="22"/>
      <c r="D33" s="22"/>
      <c r="E33" s="138">
        <v>0</v>
      </c>
      <c r="F33" s="138">
        <v>0</v>
      </c>
      <c r="G33" s="138">
        <v>0</v>
      </c>
      <c r="H33" s="138">
        <v>0</v>
      </c>
      <c r="I33" s="138">
        <v>0</v>
      </c>
      <c r="J33" s="138">
        <v>0</v>
      </c>
      <c r="K33" s="102">
        <v>0</v>
      </c>
      <c r="L33" s="102">
        <v>0</v>
      </c>
      <c r="M33" s="102">
        <v>0</v>
      </c>
      <c r="N33" s="57"/>
      <c r="O33" s="54" t="s">
        <v>79</v>
      </c>
      <c r="P33" s="22"/>
      <c r="Q33" s="22"/>
      <c r="R33" s="138">
        <v>0</v>
      </c>
      <c r="S33" s="138">
        <v>0</v>
      </c>
      <c r="T33" s="138">
        <v>0</v>
      </c>
      <c r="U33" s="138">
        <v>0</v>
      </c>
      <c r="V33" s="138">
        <v>0</v>
      </c>
      <c r="W33" s="138">
        <v>0</v>
      </c>
      <c r="X33" s="102">
        <v>0</v>
      </c>
      <c r="Y33" s="112">
        <v>0</v>
      </c>
      <c r="Z33" s="102">
        <v>0</v>
      </c>
      <c r="AA33" s="57"/>
      <c r="AB33" s="54" t="s">
        <v>80</v>
      </c>
      <c r="AC33" s="22"/>
      <c r="AD33" s="58"/>
      <c r="AE33" s="153">
        <v>0</v>
      </c>
      <c r="AF33" s="153">
        <v>0</v>
      </c>
      <c r="AG33" s="153">
        <v>0</v>
      </c>
      <c r="AH33" s="153">
        <v>0</v>
      </c>
      <c r="AI33" s="153">
        <v>0</v>
      </c>
      <c r="AJ33" s="153">
        <v>0</v>
      </c>
      <c r="AK33" s="102">
        <v>0</v>
      </c>
      <c r="AL33" s="112">
        <v>0</v>
      </c>
      <c r="AM33" s="102">
        <v>0</v>
      </c>
      <c r="AN33" s="53"/>
      <c r="AO33" s="54" t="s">
        <v>80</v>
      </c>
      <c r="AP33" s="22"/>
      <c r="AQ33" s="58"/>
      <c r="AR33" s="153">
        <v>0</v>
      </c>
      <c r="AS33" s="153">
        <v>0</v>
      </c>
      <c r="AT33" s="153">
        <v>0</v>
      </c>
      <c r="AU33" s="153">
        <v>0</v>
      </c>
      <c r="AV33" s="153">
        <v>0</v>
      </c>
      <c r="AW33" s="153">
        <v>0</v>
      </c>
      <c r="AX33" s="102">
        <v>0</v>
      </c>
      <c r="AY33" s="112">
        <v>0</v>
      </c>
      <c r="AZ33" s="102">
        <v>0</v>
      </c>
    </row>
    <row r="34" spans="1:52" s="15" customFormat="1" ht="11.1" customHeight="1">
      <c r="A34" s="59" t="s">
        <v>81</v>
      </c>
      <c r="B34" s="60"/>
      <c r="C34" s="27"/>
      <c r="D34" s="27"/>
      <c r="E34" s="145">
        <v>170517928</v>
      </c>
      <c r="F34" s="145">
        <v>1225521</v>
      </c>
      <c r="G34" s="145">
        <v>171743449</v>
      </c>
      <c r="H34" s="145">
        <v>170041067</v>
      </c>
      <c r="I34" s="145">
        <v>474844</v>
      </c>
      <c r="J34" s="145">
        <v>170515911</v>
      </c>
      <c r="K34" s="102">
        <v>99.7</v>
      </c>
      <c r="L34" s="102">
        <v>38.700000000000003</v>
      </c>
      <c r="M34" s="102">
        <v>99.3</v>
      </c>
      <c r="N34" s="59" t="s">
        <v>82</v>
      </c>
      <c r="O34" s="27"/>
      <c r="P34" s="27"/>
      <c r="Q34" s="27"/>
      <c r="R34" s="145">
        <v>129977652</v>
      </c>
      <c r="S34" s="145">
        <v>441631</v>
      </c>
      <c r="T34" s="145">
        <v>130419283</v>
      </c>
      <c r="U34" s="145">
        <v>129740046</v>
      </c>
      <c r="V34" s="145">
        <v>250870</v>
      </c>
      <c r="W34" s="145">
        <v>129990916</v>
      </c>
      <c r="X34" s="102">
        <v>99.8</v>
      </c>
      <c r="Y34" s="102">
        <v>56.8</v>
      </c>
      <c r="Z34" s="102">
        <v>99.7</v>
      </c>
      <c r="AA34" s="59" t="s">
        <v>82</v>
      </c>
      <c r="AB34" s="27"/>
      <c r="AC34" s="27"/>
      <c r="AD34" s="28"/>
      <c r="AE34" s="160">
        <v>38107584</v>
      </c>
      <c r="AF34" s="160">
        <v>734205</v>
      </c>
      <c r="AG34" s="160">
        <v>38841789</v>
      </c>
      <c r="AH34" s="160">
        <v>37880171</v>
      </c>
      <c r="AI34" s="160">
        <v>213520</v>
      </c>
      <c r="AJ34" s="160">
        <v>38093691</v>
      </c>
      <c r="AK34" s="102">
        <v>99.4</v>
      </c>
      <c r="AL34" s="102">
        <v>29.1</v>
      </c>
      <c r="AM34" s="102">
        <v>98.1</v>
      </c>
      <c r="AN34" s="61" t="s">
        <v>81</v>
      </c>
      <c r="AO34" s="27"/>
      <c r="AP34" s="27"/>
      <c r="AQ34" s="28"/>
      <c r="AR34" s="160">
        <v>2432692</v>
      </c>
      <c r="AS34" s="160">
        <v>49685</v>
      </c>
      <c r="AT34" s="160">
        <v>2482377</v>
      </c>
      <c r="AU34" s="160">
        <v>2420850</v>
      </c>
      <c r="AV34" s="160">
        <v>10454</v>
      </c>
      <c r="AW34" s="160">
        <v>2431304</v>
      </c>
      <c r="AX34" s="102">
        <v>99.5</v>
      </c>
      <c r="AY34" s="102">
        <v>21</v>
      </c>
      <c r="AZ34" s="102">
        <v>97.9</v>
      </c>
    </row>
    <row r="35" spans="1:52" s="15" customFormat="1" ht="11.1" customHeight="1">
      <c r="A35" s="30"/>
      <c r="B35" s="19" t="s">
        <v>83</v>
      </c>
      <c r="C35" s="27"/>
      <c r="D35" s="27"/>
      <c r="E35" s="146">
        <v>170517928</v>
      </c>
      <c r="F35" s="146">
        <v>1225521</v>
      </c>
      <c r="G35" s="146">
        <v>171743449</v>
      </c>
      <c r="H35" s="146">
        <v>170041067</v>
      </c>
      <c r="I35" s="146">
        <v>474844</v>
      </c>
      <c r="J35" s="146">
        <v>170515911</v>
      </c>
      <c r="K35" s="102">
        <v>99.7</v>
      </c>
      <c r="L35" s="102">
        <v>38.700000000000003</v>
      </c>
      <c r="M35" s="102">
        <v>99.3</v>
      </c>
      <c r="N35" s="33"/>
      <c r="O35" s="19" t="s">
        <v>83</v>
      </c>
      <c r="P35" s="27"/>
      <c r="Q35" s="27"/>
      <c r="R35" s="146">
        <v>129977652</v>
      </c>
      <c r="S35" s="146">
        <v>441631</v>
      </c>
      <c r="T35" s="146">
        <v>130419283</v>
      </c>
      <c r="U35" s="146">
        <v>129740046</v>
      </c>
      <c r="V35" s="146">
        <v>250870</v>
      </c>
      <c r="W35" s="146">
        <v>129990916</v>
      </c>
      <c r="X35" s="102">
        <v>99.8</v>
      </c>
      <c r="Y35" s="102">
        <v>56.8</v>
      </c>
      <c r="Z35" s="102">
        <v>99.7</v>
      </c>
      <c r="AA35" s="33"/>
      <c r="AB35" s="19" t="s">
        <v>83</v>
      </c>
      <c r="AC35" s="27"/>
      <c r="AD35" s="28"/>
      <c r="AE35" s="152">
        <v>38107584</v>
      </c>
      <c r="AF35" s="152">
        <v>734205</v>
      </c>
      <c r="AG35" s="152">
        <v>38841789</v>
      </c>
      <c r="AH35" s="152">
        <v>37880171</v>
      </c>
      <c r="AI35" s="152">
        <v>213520</v>
      </c>
      <c r="AJ35" s="152">
        <v>38093691</v>
      </c>
      <c r="AK35" s="102">
        <v>99.4</v>
      </c>
      <c r="AL35" s="102">
        <v>29.1</v>
      </c>
      <c r="AM35" s="102">
        <v>98.1</v>
      </c>
      <c r="AN35" s="34"/>
      <c r="AO35" s="19" t="s">
        <v>83</v>
      </c>
      <c r="AP35" s="27"/>
      <c r="AQ35" s="28"/>
      <c r="AR35" s="152">
        <v>2432692</v>
      </c>
      <c r="AS35" s="152">
        <v>49685</v>
      </c>
      <c r="AT35" s="152">
        <v>2482377</v>
      </c>
      <c r="AU35" s="152">
        <v>2420850</v>
      </c>
      <c r="AV35" s="152">
        <v>10454</v>
      </c>
      <c r="AW35" s="152">
        <v>2431304</v>
      </c>
      <c r="AX35" s="102">
        <v>99.5</v>
      </c>
      <c r="AY35" s="102">
        <v>21</v>
      </c>
      <c r="AZ35" s="102">
        <v>97.9</v>
      </c>
    </row>
    <row r="36" spans="1:52" s="15" customFormat="1" ht="11.1" customHeight="1">
      <c r="A36" s="30"/>
      <c r="B36" s="37"/>
      <c r="C36" s="62" t="s">
        <v>84</v>
      </c>
      <c r="D36" s="63"/>
      <c r="E36" s="147">
        <v>832372</v>
      </c>
      <c r="F36" s="147">
        <v>6174</v>
      </c>
      <c r="G36" s="147">
        <v>838546</v>
      </c>
      <c r="H36" s="147">
        <v>831389</v>
      </c>
      <c r="I36" s="147">
        <v>220</v>
      </c>
      <c r="J36" s="147">
        <v>831609</v>
      </c>
      <c r="K36" s="108">
        <v>99.9</v>
      </c>
      <c r="L36" s="108">
        <v>3.6</v>
      </c>
      <c r="M36" s="108">
        <v>99.2</v>
      </c>
      <c r="N36" s="33"/>
      <c r="O36" s="34"/>
      <c r="P36" s="62" t="s">
        <v>85</v>
      </c>
      <c r="Q36" s="63"/>
      <c r="R36" s="147">
        <v>88490</v>
      </c>
      <c r="S36" s="147">
        <v>0</v>
      </c>
      <c r="T36" s="147">
        <v>88490</v>
      </c>
      <c r="U36" s="147">
        <v>88490</v>
      </c>
      <c r="V36" s="147">
        <v>0</v>
      </c>
      <c r="W36" s="147">
        <v>88490</v>
      </c>
      <c r="X36" s="108">
        <v>100</v>
      </c>
      <c r="Y36" s="108">
        <v>0</v>
      </c>
      <c r="Z36" s="108">
        <v>100</v>
      </c>
      <c r="AA36" s="33"/>
      <c r="AB36" s="34"/>
      <c r="AC36" s="62" t="s">
        <v>85</v>
      </c>
      <c r="AD36" s="64"/>
      <c r="AE36" s="161">
        <v>79945</v>
      </c>
      <c r="AF36" s="161">
        <v>0</v>
      </c>
      <c r="AG36" s="161">
        <v>79945</v>
      </c>
      <c r="AH36" s="161">
        <v>79945</v>
      </c>
      <c r="AI36" s="161">
        <v>0</v>
      </c>
      <c r="AJ36" s="161">
        <v>79945</v>
      </c>
      <c r="AK36" s="108">
        <v>100</v>
      </c>
      <c r="AL36" s="108">
        <v>0</v>
      </c>
      <c r="AM36" s="108">
        <v>100</v>
      </c>
      <c r="AN36" s="34"/>
      <c r="AO36" s="34"/>
      <c r="AP36" s="62" t="s">
        <v>86</v>
      </c>
      <c r="AQ36" s="64"/>
      <c r="AR36" s="161">
        <v>663937</v>
      </c>
      <c r="AS36" s="161">
        <v>6174</v>
      </c>
      <c r="AT36" s="161">
        <v>670111</v>
      </c>
      <c r="AU36" s="161">
        <v>662954</v>
      </c>
      <c r="AV36" s="161">
        <v>220</v>
      </c>
      <c r="AW36" s="161">
        <v>663174</v>
      </c>
      <c r="AX36" s="108">
        <v>99.9</v>
      </c>
      <c r="AY36" s="108">
        <v>3.6</v>
      </c>
      <c r="AZ36" s="108">
        <v>99</v>
      </c>
    </row>
    <row r="37" spans="1:52" s="15" customFormat="1" ht="11.1" customHeight="1">
      <c r="A37" s="30"/>
      <c r="B37" s="37"/>
      <c r="C37" s="48" t="s">
        <v>87</v>
      </c>
      <c r="D37" s="49"/>
      <c r="E37" s="141">
        <v>35407967</v>
      </c>
      <c r="F37" s="141">
        <v>29290</v>
      </c>
      <c r="G37" s="141">
        <v>35437257</v>
      </c>
      <c r="H37" s="141">
        <v>35400324</v>
      </c>
      <c r="I37" s="141">
        <v>26210</v>
      </c>
      <c r="J37" s="141">
        <v>35426534</v>
      </c>
      <c r="K37" s="107">
        <v>99.9</v>
      </c>
      <c r="L37" s="107">
        <v>89.5</v>
      </c>
      <c r="M37" s="107">
        <v>99.9</v>
      </c>
      <c r="N37" s="33"/>
      <c r="O37" s="34"/>
      <c r="P37" s="48" t="s">
        <v>87</v>
      </c>
      <c r="Q37" s="49"/>
      <c r="R37" s="141">
        <v>31262465</v>
      </c>
      <c r="S37" s="141">
        <v>28087</v>
      </c>
      <c r="T37" s="141">
        <v>31290552</v>
      </c>
      <c r="U37" s="141">
        <v>31255715</v>
      </c>
      <c r="V37" s="141">
        <v>25007</v>
      </c>
      <c r="W37" s="141">
        <v>31280722</v>
      </c>
      <c r="X37" s="107">
        <v>99.9</v>
      </c>
      <c r="Y37" s="107">
        <v>89</v>
      </c>
      <c r="Z37" s="107">
        <v>99.9</v>
      </c>
      <c r="AA37" s="33"/>
      <c r="AB37" s="34"/>
      <c r="AC37" s="48" t="s">
        <v>88</v>
      </c>
      <c r="AD37" s="50"/>
      <c r="AE37" s="156">
        <v>4145502</v>
      </c>
      <c r="AF37" s="156">
        <v>1203</v>
      </c>
      <c r="AG37" s="156">
        <v>4146705</v>
      </c>
      <c r="AH37" s="156">
        <v>4144609</v>
      </c>
      <c r="AI37" s="156">
        <v>1203</v>
      </c>
      <c r="AJ37" s="156">
        <v>4145812</v>
      </c>
      <c r="AK37" s="107">
        <v>99.9</v>
      </c>
      <c r="AL37" s="107">
        <v>100</v>
      </c>
      <c r="AM37" s="107">
        <v>99.9</v>
      </c>
      <c r="AN37" s="34"/>
      <c r="AO37" s="34"/>
      <c r="AP37" s="48" t="s">
        <v>89</v>
      </c>
      <c r="AQ37" s="50"/>
      <c r="AR37" s="156">
        <v>0</v>
      </c>
      <c r="AS37" s="156">
        <v>0</v>
      </c>
      <c r="AT37" s="156">
        <v>0</v>
      </c>
      <c r="AU37" s="156">
        <v>0</v>
      </c>
      <c r="AV37" s="156">
        <v>0</v>
      </c>
      <c r="AW37" s="156">
        <v>0</v>
      </c>
      <c r="AX37" s="107">
        <v>0</v>
      </c>
      <c r="AY37" s="107">
        <v>0</v>
      </c>
      <c r="AZ37" s="107">
        <v>0</v>
      </c>
    </row>
    <row r="38" spans="1:52" s="15" customFormat="1" ht="11.1" customHeight="1">
      <c r="A38" s="30"/>
      <c r="B38" s="37"/>
      <c r="C38" s="19" t="s">
        <v>90</v>
      </c>
      <c r="D38" s="135"/>
      <c r="E38" s="138">
        <v>134277589</v>
      </c>
      <c r="F38" s="138">
        <v>1190057</v>
      </c>
      <c r="G38" s="138">
        <v>135467646</v>
      </c>
      <c r="H38" s="138">
        <v>133809354</v>
      </c>
      <c r="I38" s="138">
        <v>448414</v>
      </c>
      <c r="J38" s="138">
        <v>134257768</v>
      </c>
      <c r="K38" s="106">
        <v>99.7</v>
      </c>
      <c r="L38" s="106">
        <v>37.700000000000003</v>
      </c>
      <c r="M38" s="106">
        <v>99.1</v>
      </c>
      <c r="N38" s="33"/>
      <c r="O38" s="34"/>
      <c r="P38" s="19" t="s">
        <v>90</v>
      </c>
      <c r="Q38" s="135"/>
      <c r="R38" s="138">
        <v>98626697</v>
      </c>
      <c r="S38" s="138">
        <v>413544</v>
      </c>
      <c r="T38" s="138">
        <v>99040241</v>
      </c>
      <c r="U38" s="138">
        <v>98395841</v>
      </c>
      <c r="V38" s="138">
        <v>225863</v>
      </c>
      <c r="W38" s="138">
        <v>98621704</v>
      </c>
      <c r="X38" s="106">
        <v>99.8</v>
      </c>
      <c r="Y38" s="106">
        <v>54.6</v>
      </c>
      <c r="Z38" s="106">
        <v>99.6</v>
      </c>
      <c r="AA38" s="33"/>
      <c r="AB38" s="34"/>
      <c r="AC38" s="19" t="s">
        <v>91</v>
      </c>
      <c r="AD38" s="37"/>
      <c r="AE38" s="153">
        <v>33882137</v>
      </c>
      <c r="AF38" s="153">
        <v>733002</v>
      </c>
      <c r="AG38" s="153">
        <v>34615139</v>
      </c>
      <c r="AH38" s="153">
        <v>33655617</v>
      </c>
      <c r="AI38" s="153">
        <v>212317</v>
      </c>
      <c r="AJ38" s="153">
        <v>33867934</v>
      </c>
      <c r="AK38" s="106">
        <v>99.3</v>
      </c>
      <c r="AL38" s="106">
        <v>29</v>
      </c>
      <c r="AM38" s="106">
        <v>97.8</v>
      </c>
      <c r="AN38" s="34"/>
      <c r="AO38" s="34"/>
      <c r="AP38" s="19" t="s">
        <v>90</v>
      </c>
      <c r="AQ38" s="37"/>
      <c r="AR38" s="153">
        <v>1768755</v>
      </c>
      <c r="AS38" s="153">
        <v>43511</v>
      </c>
      <c r="AT38" s="153">
        <v>1812266</v>
      </c>
      <c r="AU38" s="153">
        <v>1757896</v>
      </c>
      <c r="AV38" s="153">
        <v>10234</v>
      </c>
      <c r="AW38" s="153">
        <v>1768130</v>
      </c>
      <c r="AX38" s="106">
        <v>99.4</v>
      </c>
      <c r="AY38" s="106">
        <v>23.5</v>
      </c>
      <c r="AZ38" s="106">
        <v>97.6</v>
      </c>
    </row>
    <row r="39" spans="1:52" s="15" customFormat="1" ht="11.1" customHeight="1">
      <c r="A39" s="30"/>
      <c r="B39" s="37"/>
      <c r="C39" s="135"/>
      <c r="D39" s="19" t="s">
        <v>92</v>
      </c>
      <c r="E39" s="138">
        <v>75277473</v>
      </c>
      <c r="F39" s="138">
        <v>669333</v>
      </c>
      <c r="G39" s="138">
        <v>75946806</v>
      </c>
      <c r="H39" s="138">
        <v>75014191</v>
      </c>
      <c r="I39" s="138">
        <v>252576</v>
      </c>
      <c r="J39" s="138">
        <v>75266767</v>
      </c>
      <c r="K39" s="104">
        <v>99.7</v>
      </c>
      <c r="L39" s="104">
        <v>37.700000000000003</v>
      </c>
      <c r="M39" s="104">
        <v>99.1</v>
      </c>
      <c r="N39" s="33"/>
      <c r="O39" s="34"/>
      <c r="P39" s="135"/>
      <c r="Q39" s="19" t="s">
        <v>93</v>
      </c>
      <c r="R39" s="138">
        <v>54676277</v>
      </c>
      <c r="S39" s="138">
        <v>229263</v>
      </c>
      <c r="T39" s="138">
        <v>54905540</v>
      </c>
      <c r="U39" s="138">
        <v>54548424</v>
      </c>
      <c r="V39" s="138">
        <v>124948</v>
      </c>
      <c r="W39" s="138">
        <v>54673372</v>
      </c>
      <c r="X39" s="104">
        <v>99.8</v>
      </c>
      <c r="Y39" s="104">
        <v>54.5</v>
      </c>
      <c r="Z39" s="104">
        <v>99.6</v>
      </c>
      <c r="AA39" s="33"/>
      <c r="AB39" s="34"/>
      <c r="AC39" s="135"/>
      <c r="AD39" s="20" t="s">
        <v>93</v>
      </c>
      <c r="AE39" s="153">
        <v>19645490</v>
      </c>
      <c r="AF39" s="153">
        <v>419663</v>
      </c>
      <c r="AG39" s="153">
        <v>20065153</v>
      </c>
      <c r="AH39" s="153">
        <v>19515640</v>
      </c>
      <c r="AI39" s="153">
        <v>122639</v>
      </c>
      <c r="AJ39" s="153">
        <v>19638279</v>
      </c>
      <c r="AK39" s="104">
        <v>99.3</v>
      </c>
      <c r="AL39" s="104">
        <v>29.2</v>
      </c>
      <c r="AM39" s="104">
        <v>97.9</v>
      </c>
      <c r="AN39" s="34"/>
      <c r="AO39" s="34"/>
      <c r="AP39" s="135"/>
      <c r="AQ39" s="20" t="s">
        <v>94</v>
      </c>
      <c r="AR39" s="153">
        <v>955706</v>
      </c>
      <c r="AS39" s="153">
        <v>20407</v>
      </c>
      <c r="AT39" s="153">
        <v>976113</v>
      </c>
      <c r="AU39" s="153">
        <v>950127</v>
      </c>
      <c r="AV39" s="153">
        <v>4989</v>
      </c>
      <c r="AW39" s="153">
        <v>955116</v>
      </c>
      <c r="AX39" s="104">
        <v>99.4</v>
      </c>
      <c r="AY39" s="104">
        <v>24.4</v>
      </c>
      <c r="AZ39" s="104">
        <v>97.8</v>
      </c>
    </row>
    <row r="40" spans="1:52" s="15" customFormat="1" ht="11.1" customHeight="1">
      <c r="A40" s="30"/>
      <c r="B40" s="37"/>
      <c r="C40" s="41"/>
      <c r="D40" s="42" t="s">
        <v>95</v>
      </c>
      <c r="E40" s="139">
        <v>59000116</v>
      </c>
      <c r="F40" s="139">
        <v>520724</v>
      </c>
      <c r="G40" s="139">
        <v>59520840</v>
      </c>
      <c r="H40" s="139">
        <v>58795163</v>
      </c>
      <c r="I40" s="139">
        <v>195838</v>
      </c>
      <c r="J40" s="139">
        <v>58991001</v>
      </c>
      <c r="K40" s="104">
        <v>99.7</v>
      </c>
      <c r="L40" s="104">
        <v>37.6</v>
      </c>
      <c r="M40" s="104">
        <v>99.1</v>
      </c>
      <c r="N40" s="33"/>
      <c r="O40" s="34"/>
      <c r="P40" s="41"/>
      <c r="Q40" s="42" t="s">
        <v>96</v>
      </c>
      <c r="R40" s="139">
        <v>43950420</v>
      </c>
      <c r="S40" s="139">
        <v>184281</v>
      </c>
      <c r="T40" s="139">
        <v>44134701</v>
      </c>
      <c r="U40" s="139">
        <v>43847417</v>
      </c>
      <c r="V40" s="139">
        <v>100915</v>
      </c>
      <c r="W40" s="139">
        <v>43948332</v>
      </c>
      <c r="X40" s="104">
        <v>99.8</v>
      </c>
      <c r="Y40" s="104">
        <v>54.8</v>
      </c>
      <c r="Z40" s="104">
        <v>99.6</v>
      </c>
      <c r="AA40" s="33"/>
      <c r="AB40" s="34"/>
      <c r="AC40" s="41"/>
      <c r="AD40" s="43" t="s">
        <v>95</v>
      </c>
      <c r="AE40" s="154">
        <v>14236647</v>
      </c>
      <c r="AF40" s="154">
        <v>313339</v>
      </c>
      <c r="AG40" s="154">
        <v>14549986</v>
      </c>
      <c r="AH40" s="154">
        <v>14139977</v>
      </c>
      <c r="AI40" s="154">
        <v>89678</v>
      </c>
      <c r="AJ40" s="154">
        <v>14229655</v>
      </c>
      <c r="AK40" s="104">
        <v>99.3</v>
      </c>
      <c r="AL40" s="104">
        <v>28.6</v>
      </c>
      <c r="AM40" s="104">
        <v>97.8</v>
      </c>
      <c r="AN40" s="34"/>
      <c r="AO40" s="34"/>
      <c r="AP40" s="41"/>
      <c r="AQ40" s="43" t="s">
        <v>96</v>
      </c>
      <c r="AR40" s="154">
        <v>813049</v>
      </c>
      <c r="AS40" s="154">
        <v>23104</v>
      </c>
      <c r="AT40" s="154">
        <v>836153</v>
      </c>
      <c r="AU40" s="154">
        <v>807769</v>
      </c>
      <c r="AV40" s="154">
        <v>5245</v>
      </c>
      <c r="AW40" s="154">
        <v>813014</v>
      </c>
      <c r="AX40" s="104">
        <v>99.4</v>
      </c>
      <c r="AY40" s="104">
        <v>22.7</v>
      </c>
      <c r="AZ40" s="104">
        <v>97.2</v>
      </c>
    </row>
    <row r="41" spans="1:52" s="15" customFormat="1" ht="11.1" customHeight="1">
      <c r="A41" s="30"/>
      <c r="B41" s="37"/>
      <c r="C41" s="48" t="s">
        <v>97</v>
      </c>
      <c r="D41" s="49"/>
      <c r="E41" s="141">
        <v>0</v>
      </c>
      <c r="F41" s="141">
        <v>0</v>
      </c>
      <c r="G41" s="141">
        <v>0</v>
      </c>
      <c r="H41" s="141">
        <v>0</v>
      </c>
      <c r="I41" s="141">
        <v>0</v>
      </c>
      <c r="J41" s="141">
        <v>0</v>
      </c>
      <c r="K41" s="107">
        <v>0</v>
      </c>
      <c r="L41" s="107">
        <v>0</v>
      </c>
      <c r="M41" s="107">
        <v>0</v>
      </c>
      <c r="N41" s="33"/>
      <c r="O41" s="34"/>
      <c r="P41" s="48" t="s">
        <v>98</v>
      </c>
      <c r="Q41" s="49"/>
      <c r="R41" s="140">
        <v>0</v>
      </c>
      <c r="S41" s="140">
        <v>0</v>
      </c>
      <c r="T41" s="140">
        <v>0</v>
      </c>
      <c r="U41" s="140">
        <v>0</v>
      </c>
      <c r="V41" s="140">
        <v>0</v>
      </c>
      <c r="W41" s="140">
        <v>0</v>
      </c>
      <c r="X41" s="111">
        <v>0</v>
      </c>
      <c r="Y41" s="111">
        <v>0</v>
      </c>
      <c r="Z41" s="111">
        <v>0</v>
      </c>
      <c r="AA41" s="33"/>
      <c r="AB41" s="34"/>
      <c r="AC41" s="48" t="s">
        <v>99</v>
      </c>
      <c r="AD41" s="50"/>
      <c r="AE41" s="155">
        <v>0</v>
      </c>
      <c r="AF41" s="155">
        <v>0</v>
      </c>
      <c r="AG41" s="155">
        <v>0</v>
      </c>
      <c r="AH41" s="155">
        <v>0</v>
      </c>
      <c r="AI41" s="155">
        <v>0</v>
      </c>
      <c r="AJ41" s="155">
        <v>0</v>
      </c>
      <c r="AK41" s="111">
        <v>0</v>
      </c>
      <c r="AL41" s="111">
        <v>0</v>
      </c>
      <c r="AM41" s="111">
        <v>0</v>
      </c>
      <c r="AN41" s="34"/>
      <c r="AO41" s="34"/>
      <c r="AP41" s="48" t="s">
        <v>99</v>
      </c>
      <c r="AQ41" s="50"/>
      <c r="AR41" s="155">
        <v>0</v>
      </c>
      <c r="AS41" s="155">
        <v>0</v>
      </c>
      <c r="AT41" s="155">
        <v>0</v>
      </c>
      <c r="AU41" s="155">
        <v>0</v>
      </c>
      <c r="AV41" s="155">
        <v>0</v>
      </c>
      <c r="AW41" s="155">
        <v>0</v>
      </c>
      <c r="AX41" s="111">
        <v>0</v>
      </c>
      <c r="AY41" s="111">
        <v>0</v>
      </c>
      <c r="AZ41" s="111">
        <v>0</v>
      </c>
    </row>
    <row r="42" spans="1:52" s="15" customFormat="1" ht="11.1" customHeight="1">
      <c r="A42" s="30"/>
      <c r="B42" s="37"/>
      <c r="C42" s="48" t="s">
        <v>100</v>
      </c>
      <c r="D42" s="49"/>
      <c r="E42" s="141">
        <v>0</v>
      </c>
      <c r="F42" s="141">
        <v>0</v>
      </c>
      <c r="G42" s="141">
        <v>0</v>
      </c>
      <c r="H42" s="141">
        <v>0</v>
      </c>
      <c r="I42" s="141">
        <v>0</v>
      </c>
      <c r="J42" s="141">
        <v>0</v>
      </c>
      <c r="K42" s="107">
        <v>0</v>
      </c>
      <c r="L42" s="107">
        <v>0</v>
      </c>
      <c r="M42" s="107">
        <v>0</v>
      </c>
      <c r="N42" s="33"/>
      <c r="O42" s="34"/>
      <c r="P42" s="48" t="s">
        <v>101</v>
      </c>
      <c r="Q42" s="49"/>
      <c r="R42" s="140">
        <v>0</v>
      </c>
      <c r="S42" s="140">
        <v>0</v>
      </c>
      <c r="T42" s="140">
        <v>0</v>
      </c>
      <c r="U42" s="140">
        <v>0</v>
      </c>
      <c r="V42" s="140">
        <v>0</v>
      </c>
      <c r="W42" s="140">
        <v>0</v>
      </c>
      <c r="X42" s="111">
        <v>0</v>
      </c>
      <c r="Y42" s="111">
        <v>0</v>
      </c>
      <c r="Z42" s="111">
        <v>0</v>
      </c>
      <c r="AA42" s="33"/>
      <c r="AB42" s="34"/>
      <c r="AC42" s="48" t="s">
        <v>102</v>
      </c>
      <c r="AD42" s="50"/>
      <c r="AE42" s="155">
        <v>0</v>
      </c>
      <c r="AF42" s="155">
        <v>0</v>
      </c>
      <c r="AG42" s="155">
        <v>0</v>
      </c>
      <c r="AH42" s="155">
        <v>0</v>
      </c>
      <c r="AI42" s="155">
        <v>0</v>
      </c>
      <c r="AJ42" s="155">
        <v>0</v>
      </c>
      <c r="AK42" s="111">
        <v>0</v>
      </c>
      <c r="AL42" s="111">
        <v>0</v>
      </c>
      <c r="AM42" s="111">
        <v>0</v>
      </c>
      <c r="AN42" s="34"/>
      <c r="AO42" s="34"/>
      <c r="AP42" s="48" t="s">
        <v>101</v>
      </c>
      <c r="AQ42" s="50"/>
      <c r="AR42" s="155">
        <v>0</v>
      </c>
      <c r="AS42" s="155">
        <v>0</v>
      </c>
      <c r="AT42" s="155">
        <v>0</v>
      </c>
      <c r="AU42" s="155">
        <v>0</v>
      </c>
      <c r="AV42" s="155">
        <v>0</v>
      </c>
      <c r="AW42" s="155">
        <v>0</v>
      </c>
      <c r="AX42" s="111">
        <v>0</v>
      </c>
      <c r="AY42" s="111">
        <v>0</v>
      </c>
      <c r="AZ42" s="111">
        <v>0</v>
      </c>
    </row>
    <row r="43" spans="1:52" s="15" customFormat="1" ht="11.1" customHeight="1">
      <c r="A43" s="30"/>
      <c r="B43" s="58"/>
      <c r="C43" s="54" t="s">
        <v>103</v>
      </c>
      <c r="D43" s="22"/>
      <c r="E43" s="148">
        <v>0</v>
      </c>
      <c r="F43" s="148">
        <v>0</v>
      </c>
      <c r="G43" s="148">
        <v>0</v>
      </c>
      <c r="H43" s="148">
        <v>0</v>
      </c>
      <c r="I43" s="148">
        <v>0</v>
      </c>
      <c r="J43" s="148">
        <v>0</v>
      </c>
      <c r="K43" s="104">
        <v>0</v>
      </c>
      <c r="L43" s="104">
        <v>0</v>
      </c>
      <c r="M43" s="104">
        <v>0</v>
      </c>
      <c r="N43" s="33"/>
      <c r="O43" s="53"/>
      <c r="P43" s="54" t="s">
        <v>104</v>
      </c>
      <c r="Q43" s="22"/>
      <c r="R43" s="144">
        <v>0</v>
      </c>
      <c r="S43" s="144">
        <v>0</v>
      </c>
      <c r="T43" s="144">
        <v>0</v>
      </c>
      <c r="U43" s="144">
        <v>0</v>
      </c>
      <c r="V43" s="144">
        <v>0</v>
      </c>
      <c r="W43" s="144">
        <v>0</v>
      </c>
      <c r="X43" s="110">
        <v>0</v>
      </c>
      <c r="Y43" s="110">
        <v>0</v>
      </c>
      <c r="Z43" s="110">
        <v>0</v>
      </c>
      <c r="AA43" s="33"/>
      <c r="AB43" s="53"/>
      <c r="AC43" s="54" t="s">
        <v>104</v>
      </c>
      <c r="AD43" s="58"/>
      <c r="AE43" s="159">
        <v>0</v>
      </c>
      <c r="AF43" s="159">
        <v>0</v>
      </c>
      <c r="AG43" s="159">
        <v>0</v>
      </c>
      <c r="AH43" s="159">
        <v>0</v>
      </c>
      <c r="AI43" s="159">
        <v>0</v>
      </c>
      <c r="AJ43" s="159">
        <v>0</v>
      </c>
      <c r="AK43" s="110">
        <v>0</v>
      </c>
      <c r="AL43" s="110">
        <v>0</v>
      </c>
      <c r="AM43" s="110">
        <v>0</v>
      </c>
      <c r="AN43" s="34"/>
      <c r="AO43" s="53"/>
      <c r="AP43" s="54" t="s">
        <v>104</v>
      </c>
      <c r="AQ43" s="58"/>
      <c r="AR43" s="159">
        <v>0</v>
      </c>
      <c r="AS43" s="159">
        <v>0</v>
      </c>
      <c r="AT43" s="159">
        <v>0</v>
      </c>
      <c r="AU43" s="159">
        <v>0</v>
      </c>
      <c r="AV43" s="159">
        <v>0</v>
      </c>
      <c r="AW43" s="159">
        <v>0</v>
      </c>
      <c r="AX43" s="110">
        <v>0</v>
      </c>
      <c r="AY43" s="110">
        <v>0</v>
      </c>
      <c r="AZ43" s="110">
        <v>0</v>
      </c>
    </row>
    <row r="44" spans="1:52" s="15" customFormat="1" ht="11.1" customHeight="1">
      <c r="A44" s="56"/>
      <c r="B44" s="54" t="s">
        <v>105</v>
      </c>
      <c r="C44" s="22"/>
      <c r="D44" s="22"/>
      <c r="E44" s="138">
        <v>0</v>
      </c>
      <c r="F44" s="138">
        <v>0</v>
      </c>
      <c r="G44" s="138">
        <v>0</v>
      </c>
      <c r="H44" s="138">
        <v>0</v>
      </c>
      <c r="I44" s="138">
        <v>0</v>
      </c>
      <c r="J44" s="138">
        <v>0</v>
      </c>
      <c r="K44" s="102">
        <v>0</v>
      </c>
      <c r="L44" s="102">
        <v>0</v>
      </c>
      <c r="M44" s="102">
        <v>0</v>
      </c>
      <c r="N44" s="57"/>
      <c r="O44" s="54" t="s">
        <v>105</v>
      </c>
      <c r="P44" s="22"/>
      <c r="Q44" s="22"/>
      <c r="R44" s="150">
        <v>0</v>
      </c>
      <c r="S44" s="150">
        <v>0</v>
      </c>
      <c r="T44" s="150">
        <v>0</v>
      </c>
      <c r="U44" s="150">
        <v>0</v>
      </c>
      <c r="V44" s="150">
        <v>0</v>
      </c>
      <c r="W44" s="150">
        <v>0</v>
      </c>
      <c r="X44" s="112">
        <v>0</v>
      </c>
      <c r="Y44" s="112">
        <v>0</v>
      </c>
      <c r="Z44" s="112">
        <v>0</v>
      </c>
      <c r="AA44" s="57"/>
      <c r="AB44" s="54" t="s">
        <v>105</v>
      </c>
      <c r="AC44" s="22"/>
      <c r="AD44" s="58"/>
      <c r="AE44" s="162">
        <v>0</v>
      </c>
      <c r="AF44" s="162">
        <v>0</v>
      </c>
      <c r="AG44" s="162">
        <v>0</v>
      </c>
      <c r="AH44" s="162">
        <v>0</v>
      </c>
      <c r="AI44" s="162">
        <v>0</v>
      </c>
      <c r="AJ44" s="162">
        <v>0</v>
      </c>
      <c r="AK44" s="112">
        <v>0</v>
      </c>
      <c r="AL44" s="112">
        <v>0</v>
      </c>
      <c r="AM44" s="112">
        <v>0</v>
      </c>
      <c r="AN44" s="53"/>
      <c r="AO44" s="54" t="s">
        <v>105</v>
      </c>
      <c r="AP44" s="22"/>
      <c r="AQ44" s="58"/>
      <c r="AR44" s="162">
        <v>0</v>
      </c>
      <c r="AS44" s="162">
        <v>0</v>
      </c>
      <c r="AT44" s="162">
        <v>0</v>
      </c>
      <c r="AU44" s="162">
        <v>0</v>
      </c>
      <c r="AV44" s="162">
        <v>0</v>
      </c>
      <c r="AW44" s="162">
        <v>0</v>
      </c>
      <c r="AX44" s="112">
        <v>0</v>
      </c>
      <c r="AY44" s="112">
        <v>0</v>
      </c>
      <c r="AZ44" s="112">
        <v>0</v>
      </c>
    </row>
    <row r="45" spans="1:52" s="15" customFormat="1" ht="11.1" customHeight="1">
      <c r="A45" s="65" t="s">
        <v>106</v>
      </c>
      <c r="B45" s="27"/>
      <c r="C45" s="27"/>
      <c r="D45" s="27"/>
      <c r="E45" s="145">
        <v>0</v>
      </c>
      <c r="F45" s="145">
        <v>0</v>
      </c>
      <c r="G45" s="145">
        <v>0</v>
      </c>
      <c r="H45" s="145">
        <v>0</v>
      </c>
      <c r="I45" s="145">
        <v>0</v>
      </c>
      <c r="J45" s="145">
        <v>0</v>
      </c>
      <c r="K45" s="104">
        <v>0</v>
      </c>
      <c r="L45" s="104">
        <v>0</v>
      </c>
      <c r="M45" s="104">
        <v>0</v>
      </c>
      <c r="N45" s="66" t="s">
        <v>107</v>
      </c>
      <c r="O45" s="27"/>
      <c r="P45" s="27"/>
      <c r="Q45" s="27"/>
      <c r="R45" s="151">
        <v>0</v>
      </c>
      <c r="S45" s="151">
        <v>0</v>
      </c>
      <c r="T45" s="151">
        <v>0</v>
      </c>
      <c r="U45" s="151">
        <v>0</v>
      </c>
      <c r="V45" s="151">
        <v>0</v>
      </c>
      <c r="W45" s="151">
        <v>0</v>
      </c>
      <c r="X45" s="110">
        <v>0</v>
      </c>
      <c r="Y45" s="110">
        <v>0</v>
      </c>
      <c r="Z45" s="110">
        <v>0</v>
      </c>
      <c r="AA45" s="66" t="s">
        <v>108</v>
      </c>
      <c r="AB45" s="27"/>
      <c r="AC45" s="27"/>
      <c r="AD45" s="28"/>
      <c r="AE45" s="163">
        <v>0</v>
      </c>
      <c r="AF45" s="163">
        <v>0</v>
      </c>
      <c r="AG45" s="163">
        <v>0</v>
      </c>
      <c r="AH45" s="163">
        <v>0</v>
      </c>
      <c r="AI45" s="163">
        <v>0</v>
      </c>
      <c r="AJ45" s="163">
        <v>0</v>
      </c>
      <c r="AK45" s="110">
        <v>0</v>
      </c>
      <c r="AL45" s="110">
        <v>0</v>
      </c>
      <c r="AM45" s="110">
        <v>0</v>
      </c>
      <c r="AN45" s="67" t="s">
        <v>108</v>
      </c>
      <c r="AO45" s="27"/>
      <c r="AP45" s="27"/>
      <c r="AQ45" s="28"/>
      <c r="AR45" s="163">
        <v>0</v>
      </c>
      <c r="AS45" s="163">
        <v>0</v>
      </c>
      <c r="AT45" s="163">
        <v>0</v>
      </c>
      <c r="AU45" s="163">
        <v>0</v>
      </c>
      <c r="AV45" s="163">
        <v>0</v>
      </c>
      <c r="AW45" s="163">
        <v>0</v>
      </c>
      <c r="AX45" s="110">
        <v>0</v>
      </c>
      <c r="AY45" s="110">
        <v>0</v>
      </c>
      <c r="AZ45" s="110">
        <v>0</v>
      </c>
    </row>
    <row r="46" spans="1:52" s="15" customFormat="1" ht="11.1" customHeight="1">
      <c r="A46" s="66" t="s">
        <v>109</v>
      </c>
      <c r="B46" s="27"/>
      <c r="C46" s="27"/>
      <c r="D46" s="27"/>
      <c r="E46" s="146">
        <v>1935542399</v>
      </c>
      <c r="F46" s="146">
        <v>22466686</v>
      </c>
      <c r="G46" s="146">
        <v>1958799300</v>
      </c>
      <c r="H46" s="146">
        <v>1925705345</v>
      </c>
      <c r="I46" s="146">
        <v>7723229</v>
      </c>
      <c r="J46" s="146">
        <v>1934218789</v>
      </c>
      <c r="K46" s="102">
        <v>99.5</v>
      </c>
      <c r="L46" s="102">
        <v>34.4</v>
      </c>
      <c r="M46" s="102">
        <v>98.7</v>
      </c>
      <c r="N46" s="66" t="s">
        <v>110</v>
      </c>
      <c r="O46" s="27"/>
      <c r="P46" s="27"/>
      <c r="Q46" s="27"/>
      <c r="R46" s="146">
        <v>1380816883</v>
      </c>
      <c r="S46" s="146">
        <v>9012240</v>
      </c>
      <c r="T46" s="146">
        <v>1390213299</v>
      </c>
      <c r="U46" s="146">
        <v>1375259728</v>
      </c>
      <c r="V46" s="146">
        <v>4204791</v>
      </c>
      <c r="W46" s="146">
        <v>1379848695</v>
      </c>
      <c r="X46" s="102">
        <v>99.6</v>
      </c>
      <c r="Y46" s="102">
        <v>46.7</v>
      </c>
      <c r="Z46" s="102">
        <v>99.3</v>
      </c>
      <c r="AA46" s="66" t="s">
        <v>111</v>
      </c>
      <c r="AB46" s="27"/>
      <c r="AC46" s="27"/>
      <c r="AD46" s="28"/>
      <c r="AE46" s="152">
        <v>499705725</v>
      </c>
      <c r="AF46" s="152">
        <v>11988610</v>
      </c>
      <c r="AG46" s="152">
        <v>512031261</v>
      </c>
      <c r="AH46" s="152">
        <v>495845779</v>
      </c>
      <c r="AI46" s="152">
        <v>3166999</v>
      </c>
      <c r="AJ46" s="152">
        <v>499349704</v>
      </c>
      <c r="AK46" s="102">
        <v>99.2</v>
      </c>
      <c r="AL46" s="102">
        <v>26.4</v>
      </c>
      <c r="AM46" s="102">
        <v>97.5</v>
      </c>
      <c r="AN46" s="67" t="s">
        <v>111</v>
      </c>
      <c r="AO46" s="27"/>
      <c r="AP46" s="27"/>
      <c r="AQ46" s="28"/>
      <c r="AR46" s="152">
        <v>55019791</v>
      </c>
      <c r="AS46" s="152">
        <v>1465836</v>
      </c>
      <c r="AT46" s="152">
        <v>56554740</v>
      </c>
      <c r="AU46" s="152">
        <v>54599838</v>
      </c>
      <c r="AV46" s="152">
        <v>351439</v>
      </c>
      <c r="AW46" s="152">
        <v>55020390</v>
      </c>
      <c r="AX46" s="102">
        <v>99.2</v>
      </c>
      <c r="AY46" s="102">
        <v>24</v>
      </c>
      <c r="AZ46" s="102">
        <v>97.3</v>
      </c>
    </row>
    <row r="47" spans="1:52" s="15" customFormat="1" ht="11.1" customHeight="1">
      <c r="A47" s="16"/>
      <c r="B47" s="19" t="s">
        <v>112</v>
      </c>
      <c r="C47" s="135"/>
      <c r="D47" s="135"/>
      <c r="E47" s="138">
        <v>44182046</v>
      </c>
      <c r="F47" s="138">
        <v>12285424</v>
      </c>
      <c r="G47" s="138">
        <v>56467470</v>
      </c>
      <c r="H47" s="138">
        <v>40871849</v>
      </c>
      <c r="I47" s="138">
        <v>2606242</v>
      </c>
      <c r="J47" s="138">
        <v>43478091</v>
      </c>
      <c r="K47" s="103">
        <v>92.5</v>
      </c>
      <c r="L47" s="103">
        <v>21.2</v>
      </c>
      <c r="M47" s="103">
        <v>77</v>
      </c>
      <c r="N47" s="16"/>
      <c r="O47" s="19" t="s">
        <v>113</v>
      </c>
      <c r="P47" s="135"/>
      <c r="Q47" s="135"/>
      <c r="R47" s="138">
        <v>15138106</v>
      </c>
      <c r="S47" s="138">
        <v>4118542</v>
      </c>
      <c r="T47" s="138">
        <v>19256648</v>
      </c>
      <c r="U47" s="138">
        <v>14117510</v>
      </c>
      <c r="V47" s="138">
        <v>1275860</v>
      </c>
      <c r="W47" s="138">
        <v>15393370</v>
      </c>
      <c r="X47" s="103">
        <v>93.3</v>
      </c>
      <c r="Y47" s="103">
        <v>31</v>
      </c>
      <c r="Z47" s="103">
        <v>79.900000000000006</v>
      </c>
      <c r="AA47" s="16"/>
      <c r="AB47" s="19" t="s">
        <v>113</v>
      </c>
      <c r="AC47" s="135"/>
      <c r="AD47" s="37"/>
      <c r="AE47" s="153">
        <v>25171426</v>
      </c>
      <c r="AF47" s="153">
        <v>7458816</v>
      </c>
      <c r="AG47" s="153">
        <v>32630242</v>
      </c>
      <c r="AH47" s="153">
        <v>23074985</v>
      </c>
      <c r="AI47" s="153">
        <v>1195794</v>
      </c>
      <c r="AJ47" s="153">
        <v>24270779</v>
      </c>
      <c r="AK47" s="103">
        <v>91.7</v>
      </c>
      <c r="AL47" s="103">
        <v>16</v>
      </c>
      <c r="AM47" s="103">
        <v>74.400000000000006</v>
      </c>
      <c r="AN47" s="136"/>
      <c r="AO47" s="19" t="s">
        <v>112</v>
      </c>
      <c r="AP47" s="135"/>
      <c r="AQ47" s="37"/>
      <c r="AR47" s="153">
        <v>3872514</v>
      </c>
      <c r="AS47" s="153">
        <v>708066</v>
      </c>
      <c r="AT47" s="153">
        <v>4580580</v>
      </c>
      <c r="AU47" s="153">
        <v>3679354</v>
      </c>
      <c r="AV47" s="153">
        <v>134588</v>
      </c>
      <c r="AW47" s="153">
        <v>3813942</v>
      </c>
      <c r="AX47" s="103">
        <v>95</v>
      </c>
      <c r="AY47" s="103">
        <v>19</v>
      </c>
      <c r="AZ47" s="103">
        <v>83.3</v>
      </c>
    </row>
    <row r="48" spans="1:52" s="15" customFormat="1" ht="11.1" customHeight="1">
      <c r="A48" s="68"/>
      <c r="B48" s="69" t="s">
        <v>114</v>
      </c>
      <c r="C48" s="70"/>
      <c r="D48" s="70"/>
      <c r="E48" s="149">
        <v>144083525</v>
      </c>
      <c r="F48" s="149">
        <v>13404914</v>
      </c>
      <c r="G48" s="149">
        <v>157488439</v>
      </c>
      <c r="H48" s="149">
        <v>137223493</v>
      </c>
      <c r="I48" s="149">
        <v>4499683</v>
      </c>
      <c r="J48" s="149">
        <v>141723176</v>
      </c>
      <c r="K48" s="109">
        <v>95.2</v>
      </c>
      <c r="L48" s="109">
        <v>33.6</v>
      </c>
      <c r="M48" s="109">
        <v>90</v>
      </c>
      <c r="N48" s="68"/>
      <c r="O48" s="69" t="s">
        <v>114</v>
      </c>
      <c r="P48" s="70"/>
      <c r="Q48" s="70"/>
      <c r="R48" s="149">
        <v>104794566</v>
      </c>
      <c r="S48" s="149">
        <v>6930006</v>
      </c>
      <c r="T48" s="149">
        <v>111724572</v>
      </c>
      <c r="U48" s="149">
        <v>100472866</v>
      </c>
      <c r="V48" s="149">
        <v>3010196</v>
      </c>
      <c r="W48" s="149">
        <v>103483062</v>
      </c>
      <c r="X48" s="109">
        <v>95.9</v>
      </c>
      <c r="Y48" s="109">
        <v>43.4</v>
      </c>
      <c r="Z48" s="109">
        <v>92.6</v>
      </c>
      <c r="AA48" s="68"/>
      <c r="AB48" s="69" t="s">
        <v>114</v>
      </c>
      <c r="AC48" s="70"/>
      <c r="AD48" s="71"/>
      <c r="AE48" s="164">
        <v>36731452</v>
      </c>
      <c r="AF48" s="164">
        <v>6051492</v>
      </c>
      <c r="AG48" s="164">
        <v>42782944</v>
      </c>
      <c r="AH48" s="164">
        <v>34344982</v>
      </c>
      <c r="AI48" s="164">
        <v>1383673</v>
      </c>
      <c r="AJ48" s="164">
        <v>35728655</v>
      </c>
      <c r="AK48" s="109">
        <v>93.5</v>
      </c>
      <c r="AL48" s="109">
        <v>22.9</v>
      </c>
      <c r="AM48" s="109">
        <v>83.5</v>
      </c>
      <c r="AN48" s="72"/>
      <c r="AO48" s="69" t="s">
        <v>115</v>
      </c>
      <c r="AP48" s="70"/>
      <c r="AQ48" s="71"/>
      <c r="AR48" s="164">
        <v>2557507</v>
      </c>
      <c r="AS48" s="164">
        <v>423416</v>
      </c>
      <c r="AT48" s="164">
        <v>2980923</v>
      </c>
      <c r="AU48" s="164">
        <v>2405645</v>
      </c>
      <c r="AV48" s="164">
        <v>105814</v>
      </c>
      <c r="AW48" s="164">
        <v>2511459</v>
      </c>
      <c r="AX48" s="109">
        <v>94.1</v>
      </c>
      <c r="AY48" s="109">
        <v>25</v>
      </c>
      <c r="AZ48" s="109">
        <v>84.3</v>
      </c>
    </row>
    <row r="49" spans="4:45" s="15" customFormat="1" ht="10.35" customHeight="1">
      <c r="D49" s="73" t="s">
        <v>169</v>
      </c>
      <c r="E49" s="73"/>
      <c r="F49" s="74"/>
      <c r="G49" s="74"/>
      <c r="H49" s="74"/>
      <c r="I49" s="74"/>
      <c r="J49" s="74"/>
      <c r="K49" s="74"/>
      <c r="L49" s="74"/>
      <c r="M49" s="74"/>
      <c r="Q49" s="73" t="s">
        <v>169</v>
      </c>
      <c r="R49" s="75"/>
      <c r="S49" s="76"/>
      <c r="T49" s="75"/>
      <c r="U49" s="76"/>
      <c r="V49" s="76"/>
      <c r="W49" s="76"/>
      <c r="X49" s="76"/>
      <c r="Y49" s="76"/>
      <c r="Z49" s="76"/>
      <c r="AD49" s="73" t="s">
        <v>169</v>
      </c>
      <c r="AE49" s="76"/>
      <c r="AF49" s="76"/>
      <c r="AG49" s="76"/>
      <c r="AH49" s="76"/>
      <c r="AI49" s="73"/>
      <c r="AJ49" s="76"/>
      <c r="AK49" s="76"/>
      <c r="AL49" s="76"/>
      <c r="AM49" s="76"/>
      <c r="AQ49" s="73" t="s">
        <v>169</v>
      </c>
      <c r="AR49" s="76"/>
      <c r="AS49" s="74"/>
    </row>
    <row r="50" spans="4:45" ht="10.35" customHeight="1">
      <c r="D50" s="7" t="s">
        <v>173</v>
      </c>
      <c r="E50" s="7"/>
      <c r="F50" s="7"/>
      <c r="G50" s="5"/>
      <c r="H50" s="5"/>
      <c r="I50" s="5"/>
      <c r="J50" s="5"/>
      <c r="K50" s="5"/>
      <c r="L50" s="5"/>
      <c r="M50" s="5"/>
      <c r="Q50" s="7" t="s">
        <v>173</v>
      </c>
      <c r="R50" s="77"/>
      <c r="S50" s="5"/>
      <c r="T50" s="77"/>
      <c r="U50" s="5"/>
      <c r="V50" s="5"/>
      <c r="W50" s="5"/>
      <c r="X50" s="5"/>
      <c r="Y50" s="5"/>
      <c r="Z50" s="5"/>
      <c r="AD50" s="7" t="s">
        <v>173</v>
      </c>
      <c r="AE50" s="5"/>
      <c r="AF50" s="5"/>
      <c r="AG50" s="5"/>
      <c r="AH50" s="5"/>
      <c r="AI50" s="7"/>
      <c r="AJ50" s="5"/>
      <c r="AK50" s="5"/>
      <c r="AL50" s="5"/>
      <c r="AM50" s="5"/>
      <c r="AQ50" s="7" t="s">
        <v>173</v>
      </c>
      <c r="AR50" s="5"/>
      <c r="AS50" s="2"/>
    </row>
  </sheetData>
  <mergeCells count="92">
    <mergeCell ref="AR4:AT5"/>
    <mergeCell ref="AU4:AW5"/>
    <mergeCell ref="AX4:AZ5"/>
    <mergeCell ref="E4:G5"/>
    <mergeCell ref="H4:J5"/>
    <mergeCell ref="K4:M5"/>
    <mergeCell ref="R4:T5"/>
    <mergeCell ref="U4:W5"/>
    <mergeCell ref="X4:Z5"/>
    <mergeCell ref="D5:D6"/>
    <mergeCell ref="Q5:Q6"/>
    <mergeCell ref="AD5:AD6"/>
    <mergeCell ref="AQ5:AQ6"/>
    <mergeCell ref="E6:E7"/>
    <mergeCell ref="F6:F7"/>
    <mergeCell ref="G6:G7"/>
    <mergeCell ref="H6:H7"/>
    <mergeCell ref="I6:I7"/>
    <mergeCell ref="J6:J7"/>
    <mergeCell ref="AE4:AG5"/>
    <mergeCell ref="AH4:AJ5"/>
    <mergeCell ref="AK4:AM5"/>
    <mergeCell ref="K6:K7"/>
    <mergeCell ref="L6:L7"/>
    <mergeCell ref="M6:M7"/>
    <mergeCell ref="R6:R7"/>
    <mergeCell ref="S6:S7"/>
    <mergeCell ref="AJ6:AJ7"/>
    <mergeCell ref="U6:U7"/>
    <mergeCell ref="V6:V7"/>
    <mergeCell ref="W6:W7"/>
    <mergeCell ref="X6:X7"/>
    <mergeCell ref="Y6:Y7"/>
    <mergeCell ref="Z6:Z7"/>
    <mergeCell ref="T6:T7"/>
    <mergeCell ref="AZ6:AZ7"/>
    <mergeCell ref="AK6:AK7"/>
    <mergeCell ref="AL6:AL7"/>
    <mergeCell ref="AM6:AM7"/>
    <mergeCell ref="AR6:AR7"/>
    <mergeCell ref="AS6:AS7"/>
    <mergeCell ref="AT6:AT7"/>
    <mergeCell ref="AU6:AU7"/>
    <mergeCell ref="AV6:AV7"/>
    <mergeCell ref="AW6:AW7"/>
    <mergeCell ref="AX6:AX7"/>
    <mergeCell ref="AY6:AY7"/>
    <mergeCell ref="T8:T9"/>
    <mergeCell ref="A7:C8"/>
    <mergeCell ref="N7:P8"/>
    <mergeCell ref="AA7:AC8"/>
    <mergeCell ref="AN7:AP8"/>
    <mergeCell ref="E8:E9"/>
    <mergeCell ref="F8:F9"/>
    <mergeCell ref="G8:G9"/>
    <mergeCell ref="H8:H9"/>
    <mergeCell ref="I8:I9"/>
    <mergeCell ref="J8:J9"/>
    <mergeCell ref="AE6:AE7"/>
    <mergeCell ref="AF6:AF7"/>
    <mergeCell ref="AG6:AG7"/>
    <mergeCell ref="AH6:AH7"/>
    <mergeCell ref="AI6:AI7"/>
    <mergeCell ref="K8:K9"/>
    <mergeCell ref="L8:L9"/>
    <mergeCell ref="M8:M9"/>
    <mergeCell ref="R8:R9"/>
    <mergeCell ref="S8:S9"/>
    <mergeCell ref="AJ8:AJ9"/>
    <mergeCell ref="U8:U9"/>
    <mergeCell ref="V8:V9"/>
    <mergeCell ref="W8:W9"/>
    <mergeCell ref="X8:X9"/>
    <mergeCell ref="Y8:Y9"/>
    <mergeCell ref="Z8:Z9"/>
    <mergeCell ref="AE8:AE9"/>
    <mergeCell ref="AF8:AF9"/>
    <mergeCell ref="AG8:AG9"/>
    <mergeCell ref="AH8:AH9"/>
    <mergeCell ref="AI8:AI9"/>
    <mergeCell ref="AZ8:AZ9"/>
    <mergeCell ref="AK8:AK9"/>
    <mergeCell ref="AL8:AL9"/>
    <mergeCell ref="AM8:AM9"/>
    <mergeCell ref="AR8:AR9"/>
    <mergeCell ref="AS8:AS9"/>
    <mergeCell ref="AT8:AT9"/>
    <mergeCell ref="AU8:AU9"/>
    <mergeCell ref="AV8:AV9"/>
    <mergeCell ref="AW8:AW9"/>
    <mergeCell ref="AX8:AX9"/>
    <mergeCell ref="AY8:AY9"/>
  </mergeCells>
  <phoneticPr fontId="3"/>
  <printOptions verticalCentered="1"/>
  <pageMargins left="0.98425196850393704" right="0.70866141732283472" top="0.78740157480314965" bottom="0.59055118110236227" header="0.51181102362204722" footer="0.19685039370078741"/>
  <pageSetup paperSize="9" scale="97" firstPageNumber="9" orientation="landscape" useFirstPageNumber="1" r:id="rId1"/>
  <headerFooter alignWithMargins="0"/>
  <colBreaks count="3" manualBreakCount="3">
    <brk id="13" max="49" man="1"/>
    <brk id="26" max="49" man="1"/>
    <brk id="39" max="49"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1"/>
  <sheetViews>
    <sheetView tabSelected="1" view="pageBreakPreview" topLeftCell="A7" zoomScaleNormal="100" zoomScaleSheetLayoutView="100" workbookViewId="0">
      <selection activeCell="A42" sqref="A42"/>
    </sheetView>
  </sheetViews>
  <sheetFormatPr defaultColWidth="9.109375" defaultRowHeight="12"/>
  <cols>
    <col min="1" max="1" width="8.6640625" style="79" customWidth="1"/>
    <col min="2" max="2" width="10.5546875" style="79" customWidth="1"/>
    <col min="3" max="3" width="17.109375" style="80" customWidth="1"/>
    <col min="4" max="4" width="15.6640625" style="80" customWidth="1"/>
    <col min="5" max="6" width="17.109375" style="80" customWidth="1"/>
    <col min="7" max="7" width="15.6640625" style="80" customWidth="1"/>
    <col min="8" max="8" width="17.109375" style="80" customWidth="1"/>
    <col min="9" max="11" width="7.109375" style="79" customWidth="1"/>
    <col min="12" max="16384" width="9.109375" style="95"/>
  </cols>
  <sheetData>
    <row r="1" spans="1:11" ht="14.4">
      <c r="A1" s="78"/>
    </row>
    <row r="2" spans="1:11" s="83" customFormat="1" ht="15.75" customHeight="1">
      <c r="A2" s="81" t="s">
        <v>164</v>
      </c>
      <c r="B2" s="82"/>
      <c r="C2" s="82"/>
      <c r="D2" s="82"/>
      <c r="E2" s="82"/>
      <c r="F2" s="82"/>
      <c r="G2" s="82"/>
      <c r="H2" s="82"/>
    </row>
    <row r="3" spans="1:11" s="83" customFormat="1" ht="6.75" customHeight="1">
      <c r="A3" s="82"/>
      <c r="B3" s="82"/>
      <c r="C3" s="82"/>
      <c r="D3" s="82"/>
      <c r="E3" s="82"/>
      <c r="F3" s="82"/>
      <c r="G3" s="82"/>
      <c r="H3" s="82"/>
      <c r="I3" s="94"/>
      <c r="J3" s="94"/>
      <c r="K3" s="94"/>
    </row>
    <row r="4" spans="1:11">
      <c r="A4" s="219" t="s">
        <v>116</v>
      </c>
      <c r="B4" s="220"/>
      <c r="C4" s="221" t="s">
        <v>117</v>
      </c>
      <c r="D4" s="222"/>
      <c r="E4" s="223"/>
      <c r="F4" s="221" t="s">
        <v>118</v>
      </c>
      <c r="G4" s="222"/>
      <c r="H4" s="223"/>
      <c r="I4" s="84" t="s">
        <v>119</v>
      </c>
      <c r="J4" s="84"/>
      <c r="K4" s="84"/>
    </row>
    <row r="5" spans="1:11" ht="24">
      <c r="A5" s="85" t="s">
        <v>120</v>
      </c>
      <c r="B5" s="86"/>
      <c r="C5" s="87" t="s">
        <v>121</v>
      </c>
      <c r="D5" s="87" t="s">
        <v>122</v>
      </c>
      <c r="E5" s="87" t="s">
        <v>123</v>
      </c>
      <c r="F5" s="87" t="s">
        <v>124</v>
      </c>
      <c r="G5" s="87" t="s">
        <v>125</v>
      </c>
      <c r="H5" s="87" t="s">
        <v>126</v>
      </c>
      <c r="I5" s="88" t="s">
        <v>127</v>
      </c>
      <c r="J5" s="88" t="s">
        <v>128</v>
      </c>
      <c r="K5" s="88" t="s">
        <v>129</v>
      </c>
    </row>
    <row r="6" spans="1:11" ht="13.2">
      <c r="A6" s="215" t="s">
        <v>130</v>
      </c>
      <c r="B6" s="216"/>
      <c r="C6" s="89">
        <v>867845806</v>
      </c>
      <c r="D6" s="89">
        <v>5055986</v>
      </c>
      <c r="E6" s="89">
        <v>873139062</v>
      </c>
      <c r="F6" s="89">
        <v>864542508</v>
      </c>
      <c r="G6" s="89">
        <v>2496718</v>
      </c>
      <c r="H6" s="89">
        <v>867276496</v>
      </c>
      <c r="I6" s="113">
        <v>99.6</v>
      </c>
      <c r="J6" s="114">
        <v>49.4</v>
      </c>
      <c r="K6" s="114">
        <v>99.3</v>
      </c>
    </row>
    <row r="7" spans="1:11" ht="13.2">
      <c r="A7" s="213" t="s">
        <v>131</v>
      </c>
      <c r="B7" s="214"/>
      <c r="C7" s="90">
        <v>378416126</v>
      </c>
      <c r="D7" s="90">
        <v>1588126</v>
      </c>
      <c r="E7" s="90">
        <v>380074178</v>
      </c>
      <c r="F7" s="90">
        <v>377126604</v>
      </c>
      <c r="G7" s="90">
        <v>974106</v>
      </c>
      <c r="H7" s="90">
        <v>378170636</v>
      </c>
      <c r="I7" s="115">
        <v>99.7</v>
      </c>
      <c r="J7" s="116">
        <v>61.3</v>
      </c>
      <c r="K7" s="116">
        <v>99.5</v>
      </c>
    </row>
    <row r="8" spans="1:11" ht="13.2">
      <c r="A8" s="209" t="s">
        <v>132</v>
      </c>
      <c r="B8" s="210"/>
      <c r="C8" s="91">
        <v>134554951</v>
      </c>
      <c r="D8" s="91">
        <v>2368128</v>
      </c>
      <c r="E8" s="91">
        <v>137000059</v>
      </c>
      <c r="F8" s="91">
        <v>133590616</v>
      </c>
      <c r="G8" s="91">
        <v>733967</v>
      </c>
      <c r="H8" s="91">
        <v>134401563</v>
      </c>
      <c r="I8" s="117">
        <v>99.3</v>
      </c>
      <c r="J8" s="118">
        <v>31</v>
      </c>
      <c r="K8" s="118">
        <v>98.1</v>
      </c>
    </row>
    <row r="9" spans="1:11" ht="13.2">
      <c r="A9" s="215" t="s">
        <v>133</v>
      </c>
      <c r="B9" s="216"/>
      <c r="C9" s="89">
        <v>59194101</v>
      </c>
      <c r="D9" s="89">
        <v>1646386</v>
      </c>
      <c r="E9" s="89">
        <v>60880873</v>
      </c>
      <c r="F9" s="89">
        <v>58704089</v>
      </c>
      <c r="G9" s="89">
        <v>393968</v>
      </c>
      <c r="H9" s="89">
        <v>59138443</v>
      </c>
      <c r="I9" s="113">
        <v>99.2</v>
      </c>
      <c r="J9" s="114">
        <v>23.9</v>
      </c>
      <c r="K9" s="114">
        <v>97.1</v>
      </c>
    </row>
    <row r="10" spans="1:11" ht="13.2">
      <c r="A10" s="213" t="s">
        <v>134</v>
      </c>
      <c r="B10" s="214"/>
      <c r="C10" s="90">
        <v>43741394</v>
      </c>
      <c r="D10" s="90">
        <v>830737</v>
      </c>
      <c r="E10" s="90">
        <v>44603404</v>
      </c>
      <c r="F10" s="90">
        <v>43496678</v>
      </c>
      <c r="G10" s="90">
        <v>259516</v>
      </c>
      <c r="H10" s="90">
        <v>43787467</v>
      </c>
      <c r="I10" s="115">
        <v>99.4</v>
      </c>
      <c r="J10" s="116">
        <v>31.2</v>
      </c>
      <c r="K10" s="116">
        <v>98.2</v>
      </c>
    </row>
    <row r="11" spans="1:11" ht="13.2">
      <c r="A11" s="213" t="s">
        <v>135</v>
      </c>
      <c r="B11" s="214"/>
      <c r="C11" s="90">
        <v>37585920</v>
      </c>
      <c r="D11" s="90">
        <v>730062</v>
      </c>
      <c r="E11" s="90">
        <v>38327206</v>
      </c>
      <c r="F11" s="90">
        <v>37314511</v>
      </c>
      <c r="G11" s="90">
        <v>229888</v>
      </c>
      <c r="H11" s="90">
        <v>37555623</v>
      </c>
      <c r="I11" s="115">
        <v>99.3</v>
      </c>
      <c r="J11" s="116">
        <v>31.5</v>
      </c>
      <c r="K11" s="116">
        <v>98</v>
      </c>
    </row>
    <row r="12" spans="1:11" ht="13.2">
      <c r="A12" s="213" t="s">
        <v>136</v>
      </c>
      <c r="B12" s="214"/>
      <c r="C12" s="90">
        <v>84333848</v>
      </c>
      <c r="D12" s="90">
        <v>2262867</v>
      </c>
      <c r="E12" s="90">
        <v>86635252</v>
      </c>
      <c r="F12" s="90">
        <v>83725153</v>
      </c>
      <c r="G12" s="90">
        <v>577690</v>
      </c>
      <c r="H12" s="90">
        <v>84341380</v>
      </c>
      <c r="I12" s="115">
        <v>99.3</v>
      </c>
      <c r="J12" s="116">
        <v>25.5</v>
      </c>
      <c r="K12" s="116">
        <v>97.4</v>
      </c>
    </row>
    <row r="13" spans="1:11" ht="13.2">
      <c r="A13" s="213" t="s">
        <v>137</v>
      </c>
      <c r="B13" s="214"/>
      <c r="C13" s="90">
        <v>32648430</v>
      </c>
      <c r="D13" s="90">
        <v>874270</v>
      </c>
      <c r="E13" s="90">
        <v>33548731</v>
      </c>
      <c r="F13" s="90">
        <v>32410452</v>
      </c>
      <c r="G13" s="90">
        <v>164098</v>
      </c>
      <c r="H13" s="90">
        <v>32600581</v>
      </c>
      <c r="I13" s="115">
        <v>99.3</v>
      </c>
      <c r="J13" s="116">
        <v>18.8</v>
      </c>
      <c r="K13" s="116">
        <v>97.2</v>
      </c>
    </row>
    <row r="14" spans="1:11" ht="13.2">
      <c r="A14" s="217" t="s">
        <v>138</v>
      </c>
      <c r="B14" s="218"/>
      <c r="C14" s="90">
        <v>38247114</v>
      </c>
      <c r="D14" s="90">
        <v>555382</v>
      </c>
      <c r="E14" s="90">
        <v>38823170</v>
      </c>
      <c r="F14" s="90">
        <v>38001020</v>
      </c>
      <c r="G14" s="90">
        <v>215935</v>
      </c>
      <c r="H14" s="90">
        <v>38237629</v>
      </c>
      <c r="I14" s="119">
        <v>99.4</v>
      </c>
      <c r="J14" s="120">
        <v>38.9</v>
      </c>
      <c r="K14" s="120">
        <v>98.5</v>
      </c>
    </row>
    <row r="15" spans="1:11" ht="13.2">
      <c r="A15" s="211" t="s">
        <v>139</v>
      </c>
      <c r="B15" s="212"/>
      <c r="C15" s="92">
        <v>9745392</v>
      </c>
      <c r="D15" s="92">
        <v>164006</v>
      </c>
      <c r="E15" s="92">
        <v>9913406</v>
      </c>
      <c r="F15" s="92">
        <v>9675945</v>
      </c>
      <c r="G15" s="92">
        <v>48148</v>
      </c>
      <c r="H15" s="92">
        <v>9728101</v>
      </c>
      <c r="I15" s="115">
        <v>99.3</v>
      </c>
      <c r="J15" s="116">
        <v>29.4</v>
      </c>
      <c r="K15" s="116">
        <v>98.1</v>
      </c>
    </row>
    <row r="16" spans="1:11" ht="13.2">
      <c r="A16" s="213" t="s">
        <v>140</v>
      </c>
      <c r="B16" s="214"/>
      <c r="C16" s="90">
        <v>5466984</v>
      </c>
      <c r="D16" s="90">
        <v>490264</v>
      </c>
      <c r="E16" s="90">
        <v>5966289</v>
      </c>
      <c r="F16" s="90">
        <v>5363883</v>
      </c>
      <c r="G16" s="90">
        <v>101854</v>
      </c>
      <c r="H16" s="90">
        <v>5474778</v>
      </c>
      <c r="I16" s="115">
        <v>98.1</v>
      </c>
      <c r="J16" s="116">
        <v>20.8</v>
      </c>
      <c r="K16" s="116">
        <v>91.8</v>
      </c>
    </row>
    <row r="17" spans="1:11" ht="13.2">
      <c r="A17" s="213" t="s">
        <v>141</v>
      </c>
      <c r="B17" s="214"/>
      <c r="C17" s="90">
        <v>22612888</v>
      </c>
      <c r="D17" s="90">
        <v>806011</v>
      </c>
      <c r="E17" s="90">
        <v>23441322</v>
      </c>
      <c r="F17" s="90">
        <v>22364248</v>
      </c>
      <c r="G17" s="90">
        <v>212674</v>
      </c>
      <c r="H17" s="90">
        <v>22599345</v>
      </c>
      <c r="I17" s="115">
        <v>98.9</v>
      </c>
      <c r="J17" s="116">
        <v>26.4</v>
      </c>
      <c r="K17" s="116">
        <v>96.4</v>
      </c>
    </row>
    <row r="18" spans="1:11" ht="13.2">
      <c r="A18" s="213" t="s">
        <v>142</v>
      </c>
      <c r="B18" s="214"/>
      <c r="C18" s="90">
        <v>46751247</v>
      </c>
      <c r="D18" s="90">
        <v>429736</v>
      </c>
      <c r="E18" s="90">
        <v>47229376</v>
      </c>
      <c r="F18" s="90">
        <v>46487930</v>
      </c>
      <c r="G18" s="90">
        <v>197178</v>
      </c>
      <c r="H18" s="90">
        <v>46733501</v>
      </c>
      <c r="I18" s="115">
        <v>99.4</v>
      </c>
      <c r="J18" s="116">
        <v>45.9</v>
      </c>
      <c r="K18" s="116">
        <v>99</v>
      </c>
    </row>
    <row r="19" spans="1:11" ht="13.2">
      <c r="A19" s="217" t="s">
        <v>143</v>
      </c>
      <c r="B19" s="218"/>
      <c r="C19" s="93">
        <v>37882962</v>
      </c>
      <c r="D19" s="93">
        <v>1063210</v>
      </c>
      <c r="E19" s="93">
        <v>38970278</v>
      </c>
      <c r="F19" s="93">
        <v>37506112</v>
      </c>
      <c r="G19" s="93">
        <v>273775</v>
      </c>
      <c r="H19" s="93">
        <v>37803993</v>
      </c>
      <c r="I19" s="121">
        <v>99</v>
      </c>
      <c r="J19" s="122">
        <v>25.7</v>
      </c>
      <c r="K19" s="122">
        <v>97</v>
      </c>
    </row>
    <row r="20" spans="1:11" ht="13.2">
      <c r="A20" s="211" t="s">
        <v>144</v>
      </c>
      <c r="B20" s="212"/>
      <c r="C20" s="90">
        <v>17124485</v>
      </c>
      <c r="D20" s="90">
        <v>276932</v>
      </c>
      <c r="E20" s="90">
        <v>17417216</v>
      </c>
      <c r="F20" s="90">
        <v>17028669</v>
      </c>
      <c r="G20" s="90">
        <v>74224</v>
      </c>
      <c r="H20" s="90">
        <v>17118692</v>
      </c>
      <c r="I20" s="123">
        <v>99.4</v>
      </c>
      <c r="J20" s="124">
        <v>26.8</v>
      </c>
      <c r="K20" s="124">
        <v>98.3</v>
      </c>
    </row>
    <row r="21" spans="1:11" ht="13.2">
      <c r="A21" s="213" t="s">
        <v>145</v>
      </c>
      <c r="B21" s="214"/>
      <c r="C21" s="90">
        <v>24723982</v>
      </c>
      <c r="D21" s="90">
        <v>702434</v>
      </c>
      <c r="E21" s="90">
        <v>25440204</v>
      </c>
      <c r="F21" s="90">
        <v>24500533</v>
      </c>
      <c r="G21" s="90">
        <v>132616</v>
      </c>
      <c r="H21" s="90">
        <v>24646937</v>
      </c>
      <c r="I21" s="115">
        <v>99.1</v>
      </c>
      <c r="J21" s="116">
        <v>18.899999999999999</v>
      </c>
      <c r="K21" s="116">
        <v>96.9</v>
      </c>
    </row>
    <row r="22" spans="1:11" ht="13.2">
      <c r="A22" s="213" t="s">
        <v>146</v>
      </c>
      <c r="B22" s="214"/>
      <c r="C22" s="90">
        <v>19456192</v>
      </c>
      <c r="D22" s="90">
        <v>629965</v>
      </c>
      <c r="E22" s="90">
        <v>20098737</v>
      </c>
      <c r="F22" s="90">
        <v>19246696</v>
      </c>
      <c r="G22" s="90">
        <v>170035</v>
      </c>
      <c r="H22" s="90">
        <v>19429311</v>
      </c>
      <c r="I22" s="115">
        <v>98.9</v>
      </c>
      <c r="J22" s="116">
        <v>27</v>
      </c>
      <c r="K22" s="116">
        <v>96.7</v>
      </c>
    </row>
    <row r="23" spans="1:11" ht="13.2">
      <c r="A23" s="213" t="s">
        <v>147</v>
      </c>
      <c r="B23" s="214"/>
      <c r="C23" s="90">
        <v>6724876</v>
      </c>
      <c r="D23" s="90">
        <v>250139</v>
      </c>
      <c r="E23" s="90">
        <v>6982367</v>
      </c>
      <c r="F23" s="90">
        <v>6656699</v>
      </c>
      <c r="G23" s="90">
        <v>44579</v>
      </c>
      <c r="H23" s="90">
        <v>6708630</v>
      </c>
      <c r="I23" s="115">
        <v>99</v>
      </c>
      <c r="J23" s="116">
        <v>17.8</v>
      </c>
      <c r="K23" s="116">
        <v>96.1</v>
      </c>
    </row>
    <row r="24" spans="1:11" ht="13.2">
      <c r="A24" s="209" t="s">
        <v>148</v>
      </c>
      <c r="B24" s="210"/>
      <c r="C24" s="91">
        <v>13465910</v>
      </c>
      <c r="D24" s="91">
        <v>276209</v>
      </c>
      <c r="E24" s="91">
        <v>13753430</v>
      </c>
      <c r="F24" s="91">
        <v>13363161</v>
      </c>
      <c r="G24" s="91">
        <v>70821</v>
      </c>
      <c r="H24" s="91">
        <v>13445293</v>
      </c>
      <c r="I24" s="117">
        <v>99.2</v>
      </c>
      <c r="J24" s="118">
        <v>25.6</v>
      </c>
      <c r="K24" s="118">
        <v>97.8</v>
      </c>
    </row>
    <row r="25" spans="1:11" ht="13.2">
      <c r="A25" s="215" t="s">
        <v>149</v>
      </c>
      <c r="B25" s="216"/>
      <c r="C25" s="89">
        <v>5842702</v>
      </c>
      <c r="D25" s="89">
        <v>72574</v>
      </c>
      <c r="E25" s="89">
        <v>5919051</v>
      </c>
      <c r="F25" s="89">
        <v>5807515</v>
      </c>
      <c r="G25" s="89">
        <v>26472</v>
      </c>
      <c r="H25" s="89">
        <v>5837762</v>
      </c>
      <c r="I25" s="125">
        <v>99.4</v>
      </c>
      <c r="J25" s="126">
        <v>36.5</v>
      </c>
      <c r="K25" s="126">
        <v>98.6</v>
      </c>
    </row>
    <row r="26" spans="1:11" ht="13.2">
      <c r="A26" s="213" t="s">
        <v>150</v>
      </c>
      <c r="B26" s="214"/>
      <c r="C26" s="90">
        <v>9446543</v>
      </c>
      <c r="D26" s="90">
        <v>185066</v>
      </c>
      <c r="E26" s="90">
        <v>9645708</v>
      </c>
      <c r="F26" s="90">
        <v>9383268</v>
      </c>
      <c r="G26" s="90">
        <v>47239</v>
      </c>
      <c r="H26" s="90">
        <v>9444606</v>
      </c>
      <c r="I26" s="115">
        <v>99.3</v>
      </c>
      <c r="J26" s="116">
        <v>25.5</v>
      </c>
      <c r="K26" s="116">
        <v>97.9</v>
      </c>
    </row>
    <row r="27" spans="1:11" ht="13.2">
      <c r="A27" s="213" t="s">
        <v>151</v>
      </c>
      <c r="B27" s="214"/>
      <c r="C27" s="90">
        <v>4916415</v>
      </c>
      <c r="D27" s="90">
        <v>115925</v>
      </c>
      <c r="E27" s="90">
        <v>5037319</v>
      </c>
      <c r="F27" s="90">
        <v>4887148</v>
      </c>
      <c r="G27" s="90">
        <v>24843</v>
      </c>
      <c r="H27" s="90">
        <v>4916970</v>
      </c>
      <c r="I27" s="115">
        <v>99.4</v>
      </c>
      <c r="J27" s="116">
        <v>21.4</v>
      </c>
      <c r="K27" s="116">
        <v>97.6</v>
      </c>
    </row>
    <row r="28" spans="1:11" ht="13.2">
      <c r="A28" s="213" t="s">
        <v>152</v>
      </c>
      <c r="B28" s="214"/>
      <c r="C28" s="90">
        <v>3401347</v>
      </c>
      <c r="D28" s="90">
        <v>65410</v>
      </c>
      <c r="E28" s="90">
        <v>3470681</v>
      </c>
      <c r="F28" s="90">
        <v>3380970</v>
      </c>
      <c r="G28" s="90">
        <v>24547</v>
      </c>
      <c r="H28" s="90">
        <v>3409441</v>
      </c>
      <c r="I28" s="115">
        <v>99.4</v>
      </c>
      <c r="J28" s="116">
        <v>37.5</v>
      </c>
      <c r="K28" s="116">
        <v>98.2</v>
      </c>
    </row>
    <row r="29" spans="1:11" ht="13.2">
      <c r="A29" s="213" t="s">
        <v>153</v>
      </c>
      <c r="B29" s="214"/>
      <c r="C29" s="90">
        <v>2573572</v>
      </c>
      <c r="D29" s="90">
        <v>25141</v>
      </c>
      <c r="E29" s="90">
        <v>2602793</v>
      </c>
      <c r="F29" s="90">
        <v>2564033</v>
      </c>
      <c r="G29" s="90">
        <v>6611</v>
      </c>
      <c r="H29" s="90">
        <v>2574724</v>
      </c>
      <c r="I29" s="121">
        <v>99.6</v>
      </c>
      <c r="J29" s="122">
        <v>26.3</v>
      </c>
      <c r="K29" s="122">
        <v>98.9</v>
      </c>
    </row>
    <row r="30" spans="1:11" ht="13.2">
      <c r="A30" s="211" t="s">
        <v>154</v>
      </c>
      <c r="B30" s="212"/>
      <c r="C30" s="92">
        <v>2703544</v>
      </c>
      <c r="D30" s="92">
        <v>41742</v>
      </c>
      <c r="E30" s="92">
        <v>2752125</v>
      </c>
      <c r="F30" s="92">
        <v>2684920</v>
      </c>
      <c r="G30" s="92">
        <v>9686</v>
      </c>
      <c r="H30" s="92">
        <v>2701445</v>
      </c>
      <c r="I30" s="123">
        <v>99.3</v>
      </c>
      <c r="J30" s="124">
        <v>23.2</v>
      </c>
      <c r="K30" s="124">
        <v>98.2</v>
      </c>
    </row>
    <row r="31" spans="1:11" ht="13.2">
      <c r="A31" s="213" t="s">
        <v>155</v>
      </c>
      <c r="B31" s="214"/>
      <c r="C31" s="90">
        <v>1544162</v>
      </c>
      <c r="D31" s="90">
        <v>60461</v>
      </c>
      <c r="E31" s="90">
        <v>1606996</v>
      </c>
      <c r="F31" s="90">
        <v>1531006</v>
      </c>
      <c r="G31" s="90">
        <v>10092</v>
      </c>
      <c r="H31" s="90">
        <v>1543471</v>
      </c>
      <c r="I31" s="115">
        <v>99.1</v>
      </c>
      <c r="J31" s="116">
        <v>16.7</v>
      </c>
      <c r="K31" s="116">
        <v>96</v>
      </c>
    </row>
    <row r="32" spans="1:11" ht="13.2">
      <c r="A32" s="213" t="s">
        <v>156</v>
      </c>
      <c r="B32" s="214"/>
      <c r="C32" s="90">
        <v>1634766</v>
      </c>
      <c r="D32" s="90">
        <v>38220</v>
      </c>
      <c r="E32" s="90">
        <v>1676446</v>
      </c>
      <c r="F32" s="90">
        <v>1622936</v>
      </c>
      <c r="G32" s="90">
        <v>7784</v>
      </c>
      <c r="H32" s="90">
        <v>1634180</v>
      </c>
      <c r="I32" s="115">
        <v>99.3</v>
      </c>
      <c r="J32" s="116">
        <v>20.399999999999999</v>
      </c>
      <c r="K32" s="116">
        <v>97.5</v>
      </c>
    </row>
    <row r="33" spans="1:11" ht="13.2">
      <c r="A33" s="213" t="s">
        <v>157</v>
      </c>
      <c r="B33" s="214"/>
      <c r="C33" s="90">
        <v>3078472</v>
      </c>
      <c r="D33" s="90">
        <v>25063</v>
      </c>
      <c r="E33" s="90">
        <v>3106629</v>
      </c>
      <c r="F33" s="90">
        <v>3071062</v>
      </c>
      <c r="G33" s="90">
        <v>10554</v>
      </c>
      <c r="H33" s="90">
        <v>3084710</v>
      </c>
      <c r="I33" s="115">
        <v>99.8</v>
      </c>
      <c r="J33" s="116">
        <v>42.1</v>
      </c>
      <c r="K33" s="116">
        <v>99.3</v>
      </c>
    </row>
    <row r="34" spans="1:11" ht="13.2">
      <c r="A34" s="213" t="s">
        <v>158</v>
      </c>
      <c r="B34" s="214"/>
      <c r="C34" s="93">
        <v>6276722</v>
      </c>
      <c r="D34" s="93">
        <v>307623</v>
      </c>
      <c r="E34" s="93">
        <v>6587173</v>
      </c>
      <c r="F34" s="93">
        <v>6191541</v>
      </c>
      <c r="G34" s="93">
        <v>70291</v>
      </c>
      <c r="H34" s="93">
        <v>6264660</v>
      </c>
      <c r="I34" s="119">
        <v>98.6</v>
      </c>
      <c r="J34" s="120">
        <v>22.8</v>
      </c>
      <c r="K34" s="120">
        <v>95.1</v>
      </c>
    </row>
    <row r="35" spans="1:11" ht="13.2">
      <c r="A35" s="211" t="s">
        <v>159</v>
      </c>
      <c r="B35" s="212"/>
      <c r="C35" s="90">
        <v>886699</v>
      </c>
      <c r="D35" s="90">
        <v>70968</v>
      </c>
      <c r="E35" s="90">
        <v>958643</v>
      </c>
      <c r="F35" s="90">
        <v>865711</v>
      </c>
      <c r="G35" s="90">
        <v>12784</v>
      </c>
      <c r="H35" s="90">
        <v>879471</v>
      </c>
      <c r="I35" s="127">
        <v>97.6</v>
      </c>
      <c r="J35" s="128">
        <v>18</v>
      </c>
      <c r="K35" s="128">
        <v>91.7</v>
      </c>
    </row>
    <row r="36" spans="1:11" ht="13.2">
      <c r="A36" s="213" t="s">
        <v>160</v>
      </c>
      <c r="B36" s="214"/>
      <c r="C36" s="90">
        <v>3734817</v>
      </c>
      <c r="D36" s="90">
        <v>235246</v>
      </c>
      <c r="E36" s="90">
        <v>3974289</v>
      </c>
      <c r="F36" s="90">
        <v>3691901</v>
      </c>
      <c r="G36" s="90">
        <v>50711</v>
      </c>
      <c r="H36" s="90">
        <v>3746838</v>
      </c>
      <c r="I36" s="115">
        <v>98.9</v>
      </c>
      <c r="J36" s="116">
        <v>21.6</v>
      </c>
      <c r="K36" s="116">
        <v>94.3</v>
      </c>
    </row>
    <row r="37" spans="1:11" ht="13.2">
      <c r="A37" s="213" t="s">
        <v>161</v>
      </c>
      <c r="B37" s="214"/>
      <c r="C37" s="90">
        <v>7693604</v>
      </c>
      <c r="D37" s="90">
        <v>216847</v>
      </c>
      <c r="E37" s="90">
        <v>7924261</v>
      </c>
      <c r="F37" s="90">
        <v>7632816</v>
      </c>
      <c r="G37" s="90">
        <v>47164</v>
      </c>
      <c r="H37" s="90">
        <v>7693790</v>
      </c>
      <c r="I37" s="115">
        <v>99.2</v>
      </c>
      <c r="J37" s="116">
        <v>21.7</v>
      </c>
      <c r="K37" s="116">
        <v>97.1</v>
      </c>
    </row>
    <row r="38" spans="1:11" ht="13.2">
      <c r="A38" s="209" t="s">
        <v>162</v>
      </c>
      <c r="B38" s="210"/>
      <c r="C38" s="93">
        <v>1286426</v>
      </c>
      <c r="D38" s="93">
        <v>5550</v>
      </c>
      <c r="E38" s="93">
        <v>1292626</v>
      </c>
      <c r="F38" s="93">
        <v>1285011</v>
      </c>
      <c r="G38" s="93">
        <v>2661</v>
      </c>
      <c r="H38" s="93">
        <v>1288322</v>
      </c>
      <c r="I38" s="117">
        <v>99.9</v>
      </c>
      <c r="J38" s="118">
        <v>47.9</v>
      </c>
      <c r="K38" s="118">
        <v>99.7</v>
      </c>
    </row>
    <row r="39" spans="1:11" ht="13.2">
      <c r="A39" s="209" t="s">
        <v>163</v>
      </c>
      <c r="B39" s="210"/>
      <c r="C39" s="98">
        <v>1935542399</v>
      </c>
      <c r="D39" s="98">
        <v>22466686</v>
      </c>
      <c r="E39" s="98">
        <v>1958799300</v>
      </c>
      <c r="F39" s="98">
        <v>1925705345</v>
      </c>
      <c r="G39" s="98">
        <v>7723229</v>
      </c>
      <c r="H39" s="98">
        <v>1934218789</v>
      </c>
      <c r="I39" s="129">
        <v>99.5</v>
      </c>
      <c r="J39" s="129">
        <v>34.4</v>
      </c>
      <c r="K39" s="129">
        <v>98.7</v>
      </c>
    </row>
    <row r="40" spans="1:11">
      <c r="A40" s="79" t="s">
        <v>170</v>
      </c>
    </row>
    <row r="41" spans="1:11">
      <c r="A41" s="97" t="s">
        <v>174</v>
      </c>
    </row>
  </sheetData>
  <mergeCells count="37">
    <mergeCell ref="A8:B8"/>
    <mergeCell ref="A4:B4"/>
    <mergeCell ref="C4:E4"/>
    <mergeCell ref="F4:H4"/>
    <mergeCell ref="A6:B6"/>
    <mergeCell ref="A7:B7"/>
    <mergeCell ref="A19:B19"/>
    <mergeCell ref="A9:B9"/>
    <mergeCell ref="A10:B10"/>
    <mergeCell ref="A11:B11"/>
    <mergeCell ref="A12:B12"/>
    <mergeCell ref="A13:B13"/>
    <mergeCell ref="A14:B14"/>
    <mergeCell ref="A15:B15"/>
    <mergeCell ref="A16:B16"/>
    <mergeCell ref="A17:B17"/>
    <mergeCell ref="A18:B18"/>
    <mergeCell ref="A29:B29"/>
    <mergeCell ref="A20:B20"/>
    <mergeCell ref="A21:B21"/>
    <mergeCell ref="A22:B22"/>
    <mergeCell ref="A23:B23"/>
    <mergeCell ref="A24:B24"/>
    <mergeCell ref="A25:B25"/>
    <mergeCell ref="A26:B26"/>
    <mergeCell ref="A27:B27"/>
    <mergeCell ref="A28:B28"/>
    <mergeCell ref="A39:B39"/>
    <mergeCell ref="A30:B30"/>
    <mergeCell ref="A31:B31"/>
    <mergeCell ref="A32:B32"/>
    <mergeCell ref="A33:B33"/>
    <mergeCell ref="A34:B34"/>
    <mergeCell ref="A35:B35"/>
    <mergeCell ref="A36:B36"/>
    <mergeCell ref="A37:B37"/>
    <mergeCell ref="A38:B38"/>
  </mergeCells>
  <phoneticPr fontId="12"/>
  <pageMargins left="0.98425196850393704" right="0.70866141732283472" top="0.55118110236220474" bottom="0.62992125984251968" header="0.31496062992125984" footer="0.31496062992125984"/>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市町村税徴収実績　県計等</vt:lpstr>
      <vt:lpstr>合計</vt:lpstr>
      <vt:lpstr>合計!Print_Area</vt:lpstr>
      <vt:lpstr>'市町村税徴収実績　県計等'!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 </cp:lastModifiedBy>
  <cp:lastPrinted>2024-02-25T22:44:55Z</cp:lastPrinted>
  <dcterms:created xsi:type="dcterms:W3CDTF">2018-12-06T04:43:20Z</dcterms:created>
  <dcterms:modified xsi:type="dcterms:W3CDTF">2024-03-06T08:11:38Z</dcterms:modified>
</cp:coreProperties>
</file>